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3.xml" ContentType="application/vnd.openxmlformats-officedocument.theme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32" r:id="rId2"/>
    <p:sldMasterId id="2147483736" r:id="rId3"/>
    <p:sldMasterId id="2147483744" r:id="rId4"/>
  </p:sldMasterIdLst>
  <p:notesMasterIdLst>
    <p:notesMasterId r:id="rId49"/>
  </p:notesMasterIdLst>
  <p:handoutMasterIdLst>
    <p:handoutMasterId r:id="rId50"/>
  </p:handoutMasterIdLst>
  <p:sldIdLst>
    <p:sldId id="333" r:id="rId5"/>
    <p:sldId id="334" r:id="rId6"/>
    <p:sldId id="335" r:id="rId7"/>
    <p:sldId id="343" r:id="rId8"/>
    <p:sldId id="345" r:id="rId9"/>
    <p:sldId id="344" r:id="rId10"/>
    <p:sldId id="346" r:id="rId11"/>
    <p:sldId id="347" r:id="rId12"/>
    <p:sldId id="348" r:id="rId13"/>
    <p:sldId id="349" r:id="rId14"/>
    <p:sldId id="311" r:id="rId15"/>
    <p:sldId id="310" r:id="rId16"/>
    <p:sldId id="306" r:id="rId17"/>
    <p:sldId id="308" r:id="rId18"/>
    <p:sldId id="312" r:id="rId19"/>
    <p:sldId id="313" r:id="rId20"/>
    <p:sldId id="296" r:id="rId21"/>
    <p:sldId id="331" r:id="rId22"/>
    <p:sldId id="320" r:id="rId23"/>
    <p:sldId id="318" r:id="rId24"/>
    <p:sldId id="315" r:id="rId25"/>
    <p:sldId id="329" r:id="rId26"/>
    <p:sldId id="316" r:id="rId27"/>
    <p:sldId id="321" r:id="rId28"/>
    <p:sldId id="317" r:id="rId29"/>
    <p:sldId id="370" r:id="rId30"/>
    <p:sldId id="699" r:id="rId31"/>
    <p:sldId id="381" r:id="rId32"/>
    <p:sldId id="382" r:id="rId33"/>
    <p:sldId id="383" r:id="rId34"/>
    <p:sldId id="384" r:id="rId35"/>
    <p:sldId id="379" r:id="rId36"/>
    <p:sldId id="380" r:id="rId37"/>
    <p:sldId id="386" r:id="rId38"/>
    <p:sldId id="385" r:id="rId39"/>
    <p:sldId id="387" r:id="rId40"/>
    <p:sldId id="390" r:id="rId41"/>
    <p:sldId id="393" r:id="rId42"/>
    <p:sldId id="391" r:id="rId43"/>
    <p:sldId id="392" r:id="rId44"/>
    <p:sldId id="702" r:id="rId45"/>
    <p:sldId id="700" r:id="rId46"/>
    <p:sldId id="701" r:id="rId47"/>
    <p:sldId id="274" r:id="rId48"/>
  </p:sldIdLst>
  <p:sldSz cx="9144000" cy="5143500" type="screen16x9"/>
  <p:notesSz cx="6858000" cy="9144000"/>
  <p:custDataLst>
    <p:tags r:id="rId51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3429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6858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0287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371600" algn="l" rtl="0" fontAlgn="base">
      <a:spcBef>
        <a:spcPct val="0"/>
      </a:spcBef>
      <a:spcAft>
        <a:spcPct val="0"/>
      </a:spcAft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17145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6pPr>
    <a:lvl7pPr marL="20574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7pPr>
    <a:lvl8pPr marL="24003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8pPr>
    <a:lvl9pPr marL="2743200" algn="l" defTabSz="685800" rtl="0" eaLnBrk="1" latinLnBrk="0" hangingPunct="1">
      <a:defRPr sz="1425" kern="1200">
        <a:solidFill>
          <a:schemeClr val="tx1"/>
        </a:solidFill>
        <a:latin typeface="Verdan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46" userDrawn="1">
          <p15:clr>
            <a:srgbClr val="A4A3A4"/>
          </p15:clr>
        </p15:guide>
        <p15:guide id="2" orient="horz" pos="2845" userDrawn="1">
          <p15:clr>
            <a:srgbClr val="A4A3A4"/>
          </p15:clr>
        </p15:guide>
        <p15:guide id="3" pos="2789" userDrawn="1">
          <p15:clr>
            <a:srgbClr val="A4A3A4"/>
          </p15:clr>
        </p15:guide>
        <p15:guide id="4" pos="2971" userDrawn="1">
          <p15:clr>
            <a:srgbClr val="A4A3A4"/>
          </p15:clr>
        </p15:guide>
        <p15:guide id="5" pos="476" userDrawn="1">
          <p15:clr>
            <a:srgbClr val="A4A3A4"/>
          </p15:clr>
        </p15:guide>
        <p15:guide id="6" pos="5284" userDrawn="1">
          <p15:clr>
            <a:srgbClr val="A4A3A4"/>
          </p15:clr>
        </p15:guide>
        <p15:guide id="7" orient="horz" pos="1620" userDrawn="1">
          <p15:clr>
            <a:srgbClr val="A4A3A4"/>
          </p15:clr>
        </p15:guide>
        <p15:guide id="8" orient="horz" pos="1711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loop="1" showNarration="1" useTimings="0">
    <p:browse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49DC2"/>
    <a:srgbClr val="DBEEF3"/>
    <a:srgbClr val="1F6A8A"/>
    <a:srgbClr val="BB355D"/>
    <a:srgbClr val="BAE0EA"/>
    <a:srgbClr val="77C5D8"/>
    <a:srgbClr val="D1026A"/>
    <a:srgbClr val="F0F0F0"/>
    <a:srgbClr val="3A5058"/>
    <a:srgbClr val="DDE9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6B8305E-EFE3-4AE4-9B4C-5B628486D9D8}" v="24" dt="2023-09-28T08:03:42.18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C083E6E3-FA7D-4D7B-A595-EF9225AFEA82}" styleName="Light Style 1 –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MasterView">
  <p:normalViewPr>
    <p:restoredLeft sz="14796" autoAdjust="0"/>
    <p:restoredTop sz="94694" autoAdjust="0"/>
  </p:normalViewPr>
  <p:slideViewPr>
    <p:cSldViewPr showGuides="1">
      <p:cViewPr varScale="1">
        <p:scale>
          <a:sx n="172" d="100"/>
          <a:sy n="172" d="100"/>
        </p:scale>
        <p:origin x="512" y="192"/>
      </p:cViewPr>
      <p:guideLst>
        <p:guide orient="horz" pos="2346"/>
        <p:guide orient="horz" pos="2845"/>
        <p:guide pos="2789"/>
        <p:guide pos="2971"/>
        <p:guide pos="476"/>
        <p:guide pos="5284"/>
        <p:guide orient="horz" pos="1620"/>
        <p:guide orient="horz" pos="1711"/>
      </p:guideLst>
    </p:cSldViewPr>
  </p:slideViewPr>
  <p:notesTextViewPr>
    <p:cViewPr>
      <p:scale>
        <a:sx n="50" d="100"/>
        <a:sy n="5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slide" Target="slides/slide35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slide" Target="slides/slide38.xml"/><Relationship Id="rId47" Type="http://schemas.openxmlformats.org/officeDocument/2006/relationships/slide" Target="slides/slide43.xml"/><Relationship Id="rId50" Type="http://schemas.openxmlformats.org/officeDocument/2006/relationships/handoutMaster" Target="handoutMasters/handoutMaster1.xml"/><Relationship Id="rId55" Type="http://schemas.openxmlformats.org/officeDocument/2006/relationships/tableStyles" Target="tableStyles.xml"/><Relationship Id="rId7" Type="http://schemas.openxmlformats.org/officeDocument/2006/relationships/slide" Target="slides/slide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slide" Target="slides/slide36.xml"/><Relationship Id="rId45" Type="http://schemas.openxmlformats.org/officeDocument/2006/relationships/slide" Target="slides/slide41.xml"/><Relationship Id="rId53" Type="http://schemas.openxmlformats.org/officeDocument/2006/relationships/viewProps" Target="viewProps.xml"/><Relationship Id="rId5" Type="http://schemas.openxmlformats.org/officeDocument/2006/relationships/slide" Target="slides/slide1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slide" Target="slides/slide39.xml"/><Relationship Id="rId48" Type="http://schemas.openxmlformats.org/officeDocument/2006/relationships/slide" Target="slides/slide44.xml"/><Relationship Id="rId56" Type="http://schemas.microsoft.com/office/2016/11/relationships/changesInfo" Target="changesInfos/changesInfo1.xml"/><Relationship Id="rId8" Type="http://schemas.openxmlformats.org/officeDocument/2006/relationships/slide" Target="slides/slide4.xml"/><Relationship Id="rId51" Type="http://schemas.openxmlformats.org/officeDocument/2006/relationships/tags" Target="tags/tag1.xml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46" Type="http://schemas.openxmlformats.org/officeDocument/2006/relationships/slide" Target="slides/slide42.xml"/><Relationship Id="rId20" Type="http://schemas.openxmlformats.org/officeDocument/2006/relationships/slide" Target="slides/slide16.xml"/><Relationship Id="rId41" Type="http://schemas.openxmlformats.org/officeDocument/2006/relationships/slide" Target="slides/slide37.xml"/><Relationship Id="rId54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49" Type="http://schemas.openxmlformats.org/officeDocument/2006/relationships/notesMaster" Target="notesMasters/notesMaster1.xml"/><Relationship Id="rId57" Type="http://schemas.microsoft.com/office/2015/10/relationships/revisionInfo" Target="revisionInfo.xml"/><Relationship Id="rId10" Type="http://schemas.openxmlformats.org/officeDocument/2006/relationships/slide" Target="slides/slide6.xml"/><Relationship Id="rId31" Type="http://schemas.openxmlformats.org/officeDocument/2006/relationships/slide" Target="slides/slide27.xml"/><Relationship Id="rId44" Type="http://schemas.openxmlformats.org/officeDocument/2006/relationships/slide" Target="slides/slide40.xml"/><Relationship Id="rId52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aly Donnacha HSLU I" userId="0f22e960-400a-43ff-baeb-4828c8f5cd3a" providerId="ADAL" clId="{E97A8A5D-0FCA-E347-AB52-7B829F39BF62}"/>
    <pc:docChg chg="undo redo custSel addSld delSld modSld sldOrd modShowInfo">
      <pc:chgData name="Daly Donnacha HSLU I" userId="0f22e960-400a-43ff-baeb-4828c8f5cd3a" providerId="ADAL" clId="{E97A8A5D-0FCA-E347-AB52-7B829F39BF62}" dt="2021-03-05T07:40:12.057" v="8944" actId="6549"/>
      <pc:docMkLst>
        <pc:docMk/>
      </pc:docMkLst>
      <pc:sldChg chg="modSp mod">
        <pc:chgData name="Daly Donnacha HSLU I" userId="0f22e960-400a-43ff-baeb-4828c8f5cd3a" providerId="ADAL" clId="{E97A8A5D-0FCA-E347-AB52-7B829F39BF62}" dt="2021-03-04T08:40:58.951" v="2141" actId="20577"/>
        <pc:sldMkLst>
          <pc:docMk/>
          <pc:sldMk cId="0" sldId="256"/>
        </pc:sldMkLst>
        <pc:spChg chg="mod">
          <ac:chgData name="Daly Donnacha HSLU I" userId="0f22e960-400a-43ff-baeb-4828c8f5cd3a" providerId="ADAL" clId="{E97A8A5D-0FCA-E347-AB52-7B829F39BF62}" dt="2021-03-04T08:40:58.951" v="2141" actId="20577"/>
          <ac:spMkLst>
            <pc:docMk/>
            <pc:sldMk cId="0" sldId="256"/>
            <ac:spMk id="3075" creationId="{00000000-0000-0000-0000-000000000000}"/>
          </ac:spMkLst>
        </pc:sp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2766484069" sldId="273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2116898269" sldId="282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482985189" sldId="287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2083750352" sldId="288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459845357" sldId="289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778058527" sldId="290"/>
        </pc:sldMkLst>
      </pc:sldChg>
      <pc:sldChg chg="addSp delSp modSp mod">
        <pc:chgData name="Daly Donnacha HSLU I" userId="0f22e960-400a-43ff-baeb-4828c8f5cd3a" providerId="ADAL" clId="{E97A8A5D-0FCA-E347-AB52-7B829F39BF62}" dt="2021-03-04T05:49:56.991" v="138" actId="2085"/>
        <pc:sldMkLst>
          <pc:docMk/>
          <pc:sldMk cId="3575311007" sldId="292"/>
        </pc:sldMkLst>
        <pc:spChg chg="del">
          <ac:chgData name="Daly Donnacha HSLU I" userId="0f22e960-400a-43ff-baeb-4828c8f5cd3a" providerId="ADAL" clId="{E97A8A5D-0FCA-E347-AB52-7B829F39BF62}" dt="2021-03-04T05:49:16.717" v="132" actId="478"/>
          <ac:spMkLst>
            <pc:docMk/>
            <pc:sldMk cId="3575311007" sldId="292"/>
            <ac:spMk id="7" creationId="{7A11C10A-E883-1E44-A468-0638FF62434A}"/>
          </ac:spMkLst>
        </pc:spChg>
        <pc:spChg chg="del">
          <ac:chgData name="Daly Donnacha HSLU I" userId="0f22e960-400a-43ff-baeb-4828c8f5cd3a" providerId="ADAL" clId="{E97A8A5D-0FCA-E347-AB52-7B829F39BF62}" dt="2021-03-04T05:48:32.697" v="130" actId="478"/>
          <ac:spMkLst>
            <pc:docMk/>
            <pc:sldMk cId="3575311007" sldId="292"/>
            <ac:spMk id="8" creationId="{F6718837-EB70-1B40-AB62-0173D49D7944}"/>
          </ac:spMkLst>
        </pc:spChg>
        <pc:spChg chg="del">
          <ac:chgData name="Daly Donnacha HSLU I" userId="0f22e960-400a-43ff-baeb-4828c8f5cd3a" providerId="ADAL" clId="{E97A8A5D-0FCA-E347-AB52-7B829F39BF62}" dt="2021-03-04T05:48:52.950" v="131" actId="478"/>
          <ac:spMkLst>
            <pc:docMk/>
            <pc:sldMk cId="3575311007" sldId="292"/>
            <ac:spMk id="10" creationId="{F4F46928-9317-9546-B700-D3EF9EB4C069}"/>
          </ac:spMkLst>
        </pc:spChg>
        <pc:spChg chg="del">
          <ac:chgData name="Daly Donnacha HSLU I" userId="0f22e960-400a-43ff-baeb-4828c8f5cd3a" providerId="ADAL" clId="{E97A8A5D-0FCA-E347-AB52-7B829F39BF62}" dt="2021-03-04T05:48:52.950" v="131" actId="478"/>
          <ac:spMkLst>
            <pc:docMk/>
            <pc:sldMk cId="3575311007" sldId="292"/>
            <ac:spMk id="12" creationId="{B04D927A-BCE5-934C-94A3-14B4EBB4934D}"/>
          </ac:spMkLst>
        </pc:spChg>
        <pc:spChg chg="del">
          <ac:chgData name="Daly Donnacha HSLU I" userId="0f22e960-400a-43ff-baeb-4828c8f5cd3a" providerId="ADAL" clId="{E97A8A5D-0FCA-E347-AB52-7B829F39BF62}" dt="2021-03-04T05:48:32.697" v="130" actId="478"/>
          <ac:spMkLst>
            <pc:docMk/>
            <pc:sldMk cId="3575311007" sldId="292"/>
            <ac:spMk id="13" creationId="{F85F9FCD-17B1-D240-B0EB-0049E86B4142}"/>
          </ac:spMkLst>
        </pc:spChg>
        <pc:spChg chg="add mod">
          <ac:chgData name="Daly Donnacha HSLU I" userId="0f22e960-400a-43ff-baeb-4828c8f5cd3a" providerId="ADAL" clId="{E97A8A5D-0FCA-E347-AB52-7B829F39BF62}" dt="2021-03-04T05:49:17.696" v="133"/>
          <ac:spMkLst>
            <pc:docMk/>
            <pc:sldMk cId="3575311007" sldId="292"/>
            <ac:spMk id="16" creationId="{DCAA8663-4541-8C40-9262-EE0F1BB09A17}"/>
          </ac:spMkLst>
        </pc:spChg>
        <pc:spChg chg="add del">
          <ac:chgData name="Daly Donnacha HSLU I" userId="0f22e960-400a-43ff-baeb-4828c8f5cd3a" providerId="ADAL" clId="{E97A8A5D-0FCA-E347-AB52-7B829F39BF62}" dt="2021-03-04T05:49:41.772" v="135" actId="11529"/>
          <ac:spMkLst>
            <pc:docMk/>
            <pc:sldMk cId="3575311007" sldId="292"/>
            <ac:spMk id="17" creationId="{E6C292FF-4CEA-9741-BDFE-E80065EB4F0D}"/>
          </ac:spMkLst>
        </pc:spChg>
        <pc:spChg chg="add mod">
          <ac:chgData name="Daly Donnacha HSLU I" userId="0f22e960-400a-43ff-baeb-4828c8f5cd3a" providerId="ADAL" clId="{E97A8A5D-0FCA-E347-AB52-7B829F39BF62}" dt="2021-03-04T05:49:56.991" v="138" actId="2085"/>
          <ac:spMkLst>
            <pc:docMk/>
            <pc:sldMk cId="3575311007" sldId="292"/>
            <ac:spMk id="18" creationId="{3AC214FD-E4F6-7A4F-81EC-5F2BA3027AB6}"/>
          </ac:spMkLst>
        </pc:spChg>
        <pc:picChg chg="del">
          <ac:chgData name="Daly Donnacha HSLU I" userId="0f22e960-400a-43ff-baeb-4828c8f5cd3a" providerId="ADAL" clId="{E97A8A5D-0FCA-E347-AB52-7B829F39BF62}" dt="2021-03-04T05:48:52.950" v="131" actId="478"/>
          <ac:picMkLst>
            <pc:docMk/>
            <pc:sldMk cId="3575311007" sldId="292"/>
            <ac:picMk id="3" creationId="{31E5ECEE-4DF0-D44F-ABF3-80FDFDFC248D}"/>
          </ac:picMkLst>
        </pc:picChg>
        <pc:picChg chg="del">
          <ac:chgData name="Daly Donnacha HSLU I" userId="0f22e960-400a-43ff-baeb-4828c8f5cd3a" providerId="ADAL" clId="{E97A8A5D-0FCA-E347-AB52-7B829F39BF62}" dt="2021-03-04T05:48:52.950" v="131" actId="478"/>
          <ac:picMkLst>
            <pc:docMk/>
            <pc:sldMk cId="3575311007" sldId="292"/>
            <ac:picMk id="4" creationId="{B5592607-6CD4-BC48-9E70-85F8F398AD20}"/>
          </ac:picMkLst>
        </pc:picChg>
        <pc:picChg chg="del">
          <ac:chgData name="Daly Donnacha HSLU I" userId="0f22e960-400a-43ff-baeb-4828c8f5cd3a" providerId="ADAL" clId="{E97A8A5D-0FCA-E347-AB52-7B829F39BF62}" dt="2021-03-04T05:49:16.717" v="132" actId="478"/>
          <ac:picMkLst>
            <pc:docMk/>
            <pc:sldMk cId="3575311007" sldId="292"/>
            <ac:picMk id="5" creationId="{4B7BD716-33E9-FC4B-A0BE-327F394C19D9}"/>
          </ac:picMkLst>
        </pc:picChg>
        <pc:picChg chg="add mod">
          <ac:chgData name="Daly Donnacha HSLU I" userId="0f22e960-400a-43ff-baeb-4828c8f5cd3a" providerId="ADAL" clId="{E97A8A5D-0FCA-E347-AB52-7B829F39BF62}" dt="2021-03-04T05:49:17.696" v="133"/>
          <ac:picMkLst>
            <pc:docMk/>
            <pc:sldMk cId="3575311007" sldId="292"/>
            <ac:picMk id="14" creationId="{185B3D5B-A26F-C648-9FFB-49FC46147E13}"/>
          </ac:picMkLst>
        </pc:picChg>
        <pc:cxnChg chg="del">
          <ac:chgData name="Daly Donnacha HSLU I" userId="0f22e960-400a-43ff-baeb-4828c8f5cd3a" providerId="ADAL" clId="{E97A8A5D-0FCA-E347-AB52-7B829F39BF62}" dt="2021-03-04T05:49:16.717" v="132" actId="478"/>
          <ac:cxnSpMkLst>
            <pc:docMk/>
            <pc:sldMk cId="3575311007" sldId="292"/>
            <ac:cxnSpMk id="6" creationId="{118C9F25-035D-8E49-8368-97123FF62E75}"/>
          </ac:cxnSpMkLst>
        </pc:cxnChg>
        <pc:cxnChg chg="del">
          <ac:chgData name="Daly Donnacha HSLU I" userId="0f22e960-400a-43ff-baeb-4828c8f5cd3a" providerId="ADAL" clId="{E97A8A5D-0FCA-E347-AB52-7B829F39BF62}" dt="2021-03-04T05:49:16.717" v="132" actId="478"/>
          <ac:cxnSpMkLst>
            <pc:docMk/>
            <pc:sldMk cId="3575311007" sldId="292"/>
            <ac:cxnSpMk id="9" creationId="{5A7DBA4D-9451-504B-BBEB-915BE4C283DF}"/>
          </ac:cxnSpMkLst>
        </pc:cxnChg>
        <pc:cxnChg chg="del">
          <ac:chgData name="Daly Donnacha HSLU I" userId="0f22e960-400a-43ff-baeb-4828c8f5cd3a" providerId="ADAL" clId="{E97A8A5D-0FCA-E347-AB52-7B829F39BF62}" dt="2021-03-04T05:48:52.950" v="131" actId="478"/>
          <ac:cxnSpMkLst>
            <pc:docMk/>
            <pc:sldMk cId="3575311007" sldId="292"/>
            <ac:cxnSpMk id="11" creationId="{5EAF49AD-42BF-6842-8F8F-3E6D1DFFAF54}"/>
          </ac:cxnSpMkLst>
        </pc:cxnChg>
        <pc:cxnChg chg="add mod">
          <ac:chgData name="Daly Donnacha HSLU I" userId="0f22e960-400a-43ff-baeb-4828c8f5cd3a" providerId="ADAL" clId="{E97A8A5D-0FCA-E347-AB52-7B829F39BF62}" dt="2021-03-04T05:49:17.696" v="133"/>
          <ac:cxnSpMkLst>
            <pc:docMk/>
            <pc:sldMk cId="3575311007" sldId="292"/>
            <ac:cxnSpMk id="15" creationId="{4F585CB7-5384-5849-B714-50D4C3E55324}"/>
          </ac:cxnSpMkLst>
        </pc:cxnChg>
      </pc:sldChg>
      <pc:sldChg chg="addSp delSp modSp new mod">
        <pc:chgData name="Daly Donnacha HSLU I" userId="0f22e960-400a-43ff-baeb-4828c8f5cd3a" providerId="ADAL" clId="{E97A8A5D-0FCA-E347-AB52-7B829F39BF62}" dt="2021-03-04T16:33:04.965" v="7856" actId="6549"/>
        <pc:sldMkLst>
          <pc:docMk/>
          <pc:sldMk cId="2069180595" sldId="293"/>
        </pc:sldMkLst>
        <pc:spChg chg="mod">
          <ac:chgData name="Daly Donnacha HSLU I" userId="0f22e960-400a-43ff-baeb-4828c8f5cd3a" providerId="ADAL" clId="{E97A8A5D-0FCA-E347-AB52-7B829F39BF62}" dt="2021-03-04T05:56:05.828" v="173" actId="20577"/>
          <ac:spMkLst>
            <pc:docMk/>
            <pc:sldMk cId="2069180595" sldId="293"/>
            <ac:spMk id="2" creationId="{580C4649-222C-0943-8978-4267CD46F87F}"/>
          </ac:spMkLst>
        </pc:spChg>
        <pc:spChg chg="add del mod">
          <ac:chgData name="Daly Donnacha HSLU I" userId="0f22e960-400a-43ff-baeb-4828c8f5cd3a" providerId="ADAL" clId="{E97A8A5D-0FCA-E347-AB52-7B829F39BF62}" dt="2021-03-04T05:59:45.299" v="178"/>
          <ac:spMkLst>
            <pc:docMk/>
            <pc:sldMk cId="2069180595" sldId="293"/>
            <ac:spMk id="3" creationId="{ACC95495-CC8E-6141-B3B9-6F90BA227993}"/>
          </ac:spMkLst>
        </pc:spChg>
        <pc:spChg chg="add mod">
          <ac:chgData name="Daly Donnacha HSLU I" userId="0f22e960-400a-43ff-baeb-4828c8f5cd3a" providerId="ADAL" clId="{E97A8A5D-0FCA-E347-AB52-7B829F39BF62}" dt="2021-03-04T16:33:04.965" v="7856" actId="6549"/>
          <ac:spMkLst>
            <pc:docMk/>
            <pc:sldMk cId="2069180595" sldId="293"/>
            <ac:spMk id="4" creationId="{08104162-0A5A-C04E-A4E0-90895A085508}"/>
          </ac:spMkLst>
        </pc:spChg>
        <pc:spChg chg="add mod">
          <ac:chgData name="Daly Donnacha HSLU I" userId="0f22e960-400a-43ff-baeb-4828c8f5cd3a" providerId="ADAL" clId="{E97A8A5D-0FCA-E347-AB52-7B829F39BF62}" dt="2021-03-04T06:17:26.642" v="563" actId="1076"/>
          <ac:spMkLst>
            <pc:docMk/>
            <pc:sldMk cId="2069180595" sldId="293"/>
            <ac:spMk id="5" creationId="{F4317098-DEBD-1D48-87B7-E06121F01DB9}"/>
          </ac:spMkLst>
        </pc:spChg>
        <pc:picChg chg="add mod">
          <ac:chgData name="Daly Donnacha HSLU I" userId="0f22e960-400a-43ff-baeb-4828c8f5cd3a" providerId="ADAL" clId="{E97A8A5D-0FCA-E347-AB52-7B829F39BF62}" dt="2021-03-04T14:46:43.104" v="7584" actId="14100"/>
          <ac:picMkLst>
            <pc:docMk/>
            <pc:sldMk cId="2069180595" sldId="293"/>
            <ac:picMk id="1026" creationId="{AF641E91-3D07-6F4D-B892-ECECA86AB823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671236432" sldId="293"/>
        </pc:sldMkLst>
      </pc:sldChg>
      <pc:sldChg chg="add del">
        <pc:chgData name="Daly Donnacha HSLU I" userId="0f22e960-400a-43ff-baeb-4828c8f5cd3a" providerId="ADAL" clId="{E97A8A5D-0FCA-E347-AB52-7B829F39BF62}" dt="2021-03-04T06:15:47.077" v="561"/>
        <pc:sldMkLst>
          <pc:docMk/>
          <pc:sldMk cId="40917617" sldId="294"/>
        </pc:sldMkLst>
      </pc:sldChg>
      <pc:sldChg chg="addSp modSp new mod">
        <pc:chgData name="Daly Donnacha HSLU I" userId="0f22e960-400a-43ff-baeb-4828c8f5cd3a" providerId="ADAL" clId="{E97A8A5D-0FCA-E347-AB52-7B829F39BF62}" dt="2021-03-04T06:22:34.165" v="592" actId="207"/>
        <pc:sldMkLst>
          <pc:docMk/>
          <pc:sldMk cId="256036251" sldId="294"/>
        </pc:sldMkLst>
        <pc:spChg chg="mod">
          <ac:chgData name="Daly Donnacha HSLU I" userId="0f22e960-400a-43ff-baeb-4828c8f5cd3a" providerId="ADAL" clId="{E97A8A5D-0FCA-E347-AB52-7B829F39BF62}" dt="2021-03-04T06:19:10.342" v="570" actId="20577"/>
          <ac:spMkLst>
            <pc:docMk/>
            <pc:sldMk cId="256036251" sldId="294"/>
            <ac:spMk id="2" creationId="{069B8F1E-027C-6440-9E6A-40BB8DAAAB65}"/>
          </ac:spMkLst>
        </pc:spChg>
        <pc:spChg chg="add mod">
          <ac:chgData name="Daly Donnacha HSLU I" userId="0f22e960-400a-43ff-baeb-4828c8f5cd3a" providerId="ADAL" clId="{E97A8A5D-0FCA-E347-AB52-7B829F39BF62}" dt="2021-03-04T06:22:34.165" v="592" actId="207"/>
          <ac:spMkLst>
            <pc:docMk/>
            <pc:sldMk cId="256036251" sldId="294"/>
            <ac:spMk id="3" creationId="{63132F41-5235-6647-AE60-DA2A6069816C}"/>
          </ac:spMkLst>
        </pc:sp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2355077156" sldId="294"/>
        </pc:sldMkLst>
      </pc:sldChg>
      <pc:sldChg chg="modSp add mod">
        <pc:chgData name="Daly Donnacha HSLU I" userId="0f22e960-400a-43ff-baeb-4828c8f5cd3a" providerId="ADAL" clId="{E97A8A5D-0FCA-E347-AB52-7B829F39BF62}" dt="2021-03-04T07:42:18.193" v="1930" actId="20577"/>
        <pc:sldMkLst>
          <pc:docMk/>
          <pc:sldMk cId="422731333" sldId="295"/>
        </pc:sldMkLst>
        <pc:spChg chg="mod">
          <ac:chgData name="Daly Donnacha HSLU I" userId="0f22e960-400a-43ff-baeb-4828c8f5cd3a" providerId="ADAL" clId="{E97A8A5D-0FCA-E347-AB52-7B829F39BF62}" dt="2021-03-04T06:23:00.454" v="595" actId="20577"/>
          <ac:spMkLst>
            <pc:docMk/>
            <pc:sldMk cId="422731333" sldId="295"/>
            <ac:spMk id="2" creationId="{069B8F1E-027C-6440-9E6A-40BB8DAAAB65}"/>
          </ac:spMkLst>
        </pc:spChg>
        <pc:spChg chg="mod">
          <ac:chgData name="Daly Donnacha HSLU I" userId="0f22e960-400a-43ff-baeb-4828c8f5cd3a" providerId="ADAL" clId="{E97A8A5D-0FCA-E347-AB52-7B829F39BF62}" dt="2021-03-04T07:42:18.193" v="1930" actId="20577"/>
          <ac:spMkLst>
            <pc:docMk/>
            <pc:sldMk cId="422731333" sldId="295"/>
            <ac:spMk id="3" creationId="{63132F41-5235-6647-AE60-DA2A6069816C}"/>
          </ac:spMkLst>
        </pc:sp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1386984437" sldId="295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1051843241" sldId="296"/>
        </pc:sldMkLst>
      </pc:sldChg>
      <pc:sldChg chg="modSp add mod">
        <pc:chgData name="Daly Donnacha HSLU I" userId="0f22e960-400a-43ff-baeb-4828c8f5cd3a" providerId="ADAL" clId="{E97A8A5D-0FCA-E347-AB52-7B829F39BF62}" dt="2021-03-04T14:47:22.548" v="7605" actId="20577"/>
        <pc:sldMkLst>
          <pc:docMk/>
          <pc:sldMk cId="3255072004" sldId="296"/>
        </pc:sldMkLst>
        <pc:spChg chg="mod">
          <ac:chgData name="Daly Donnacha HSLU I" userId="0f22e960-400a-43ff-baeb-4828c8f5cd3a" providerId="ADAL" clId="{E97A8A5D-0FCA-E347-AB52-7B829F39BF62}" dt="2021-03-04T06:23:08.510" v="598" actId="20577"/>
          <ac:spMkLst>
            <pc:docMk/>
            <pc:sldMk cId="3255072004" sldId="296"/>
            <ac:spMk id="2" creationId="{069B8F1E-027C-6440-9E6A-40BB8DAAAB65}"/>
          </ac:spMkLst>
        </pc:spChg>
        <pc:spChg chg="mod">
          <ac:chgData name="Daly Donnacha HSLU I" userId="0f22e960-400a-43ff-baeb-4828c8f5cd3a" providerId="ADAL" clId="{E97A8A5D-0FCA-E347-AB52-7B829F39BF62}" dt="2021-03-04T14:47:22.548" v="7605" actId="20577"/>
          <ac:spMkLst>
            <pc:docMk/>
            <pc:sldMk cId="3255072004" sldId="296"/>
            <ac:spMk id="3" creationId="{63132F41-5235-6647-AE60-DA2A6069816C}"/>
          </ac:spMkLst>
        </pc:sp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425682969" sldId="297"/>
        </pc:sldMkLst>
      </pc:sldChg>
      <pc:sldChg chg="modSp add mod">
        <pc:chgData name="Daly Donnacha HSLU I" userId="0f22e960-400a-43ff-baeb-4828c8f5cd3a" providerId="ADAL" clId="{E97A8A5D-0FCA-E347-AB52-7B829F39BF62}" dt="2021-03-04T16:33:16.490" v="7860" actId="6549"/>
        <pc:sldMkLst>
          <pc:docMk/>
          <pc:sldMk cId="2190376846" sldId="297"/>
        </pc:sldMkLst>
        <pc:spChg chg="mod">
          <ac:chgData name="Daly Donnacha HSLU I" userId="0f22e960-400a-43ff-baeb-4828c8f5cd3a" providerId="ADAL" clId="{E97A8A5D-0FCA-E347-AB52-7B829F39BF62}" dt="2021-03-04T06:23:16.758" v="601" actId="20577"/>
          <ac:spMkLst>
            <pc:docMk/>
            <pc:sldMk cId="2190376846" sldId="297"/>
            <ac:spMk id="2" creationId="{069B8F1E-027C-6440-9E6A-40BB8DAAAB65}"/>
          </ac:spMkLst>
        </pc:spChg>
        <pc:spChg chg="mod">
          <ac:chgData name="Daly Donnacha HSLU I" userId="0f22e960-400a-43ff-baeb-4828c8f5cd3a" providerId="ADAL" clId="{E97A8A5D-0FCA-E347-AB52-7B829F39BF62}" dt="2021-03-04T16:33:16.490" v="7860" actId="6549"/>
          <ac:spMkLst>
            <pc:docMk/>
            <pc:sldMk cId="2190376846" sldId="297"/>
            <ac:spMk id="3" creationId="{63132F41-5235-6647-AE60-DA2A6069816C}"/>
          </ac:spMkLst>
        </pc:spChg>
      </pc:sldChg>
      <pc:sldChg chg="addSp delSp modSp add mod">
        <pc:chgData name="Daly Donnacha HSLU I" userId="0f22e960-400a-43ff-baeb-4828c8f5cd3a" providerId="ADAL" clId="{E97A8A5D-0FCA-E347-AB52-7B829F39BF62}" dt="2021-03-05T07:40:12.057" v="8944" actId="6549"/>
        <pc:sldMkLst>
          <pc:docMk/>
          <pc:sldMk cId="1191410536" sldId="298"/>
        </pc:sldMkLst>
        <pc:spChg chg="mod">
          <ac:chgData name="Daly Donnacha HSLU I" userId="0f22e960-400a-43ff-baeb-4828c8f5cd3a" providerId="ADAL" clId="{E97A8A5D-0FCA-E347-AB52-7B829F39BF62}" dt="2021-03-04T06:23:32.284" v="610" actId="20577"/>
          <ac:spMkLst>
            <pc:docMk/>
            <pc:sldMk cId="1191410536" sldId="298"/>
            <ac:spMk id="2" creationId="{580C4649-222C-0943-8978-4267CD46F87F}"/>
          </ac:spMkLst>
        </pc:spChg>
        <pc:spChg chg="add mod">
          <ac:chgData name="Daly Donnacha HSLU I" userId="0f22e960-400a-43ff-baeb-4828c8f5cd3a" providerId="ADAL" clId="{E97A8A5D-0FCA-E347-AB52-7B829F39BF62}" dt="2021-03-04T07:41:36.836" v="1926" actId="1076"/>
          <ac:spMkLst>
            <pc:docMk/>
            <pc:sldMk cId="1191410536" sldId="298"/>
            <ac:spMk id="3" creationId="{406742F9-E1F0-1244-84F4-47FCC1930EDC}"/>
          </ac:spMkLst>
        </pc:spChg>
        <pc:spChg chg="mod">
          <ac:chgData name="Daly Donnacha HSLU I" userId="0f22e960-400a-43ff-baeb-4828c8f5cd3a" providerId="ADAL" clId="{E97A8A5D-0FCA-E347-AB52-7B829F39BF62}" dt="2021-03-05T07:40:12.057" v="8944" actId="6549"/>
          <ac:spMkLst>
            <pc:docMk/>
            <pc:sldMk cId="1191410536" sldId="298"/>
            <ac:spMk id="4" creationId="{08104162-0A5A-C04E-A4E0-90895A085508}"/>
          </ac:spMkLst>
        </pc:spChg>
        <pc:spChg chg="del">
          <ac:chgData name="Daly Donnacha HSLU I" userId="0f22e960-400a-43ff-baeb-4828c8f5cd3a" providerId="ADAL" clId="{E97A8A5D-0FCA-E347-AB52-7B829F39BF62}" dt="2021-03-04T06:23:48.476" v="612" actId="478"/>
          <ac:spMkLst>
            <pc:docMk/>
            <pc:sldMk cId="1191410536" sldId="298"/>
            <ac:spMk id="5" creationId="{F4317098-DEBD-1D48-87B7-E06121F01DB9}"/>
          </ac:spMkLst>
        </pc:spChg>
        <pc:picChg chg="del">
          <ac:chgData name="Daly Donnacha HSLU I" userId="0f22e960-400a-43ff-baeb-4828c8f5cd3a" providerId="ADAL" clId="{E97A8A5D-0FCA-E347-AB52-7B829F39BF62}" dt="2021-03-04T06:23:34.953" v="611" actId="478"/>
          <ac:picMkLst>
            <pc:docMk/>
            <pc:sldMk cId="1191410536" sldId="298"/>
            <ac:picMk id="1026" creationId="{AF641E91-3D07-6F4D-B892-ECECA86AB823}"/>
          </ac:picMkLst>
        </pc:picChg>
        <pc:picChg chg="add mod">
          <ac:chgData name="Daly Donnacha HSLU I" userId="0f22e960-400a-43ff-baeb-4828c8f5cd3a" providerId="ADAL" clId="{E97A8A5D-0FCA-E347-AB52-7B829F39BF62}" dt="2021-03-04T07:41:12.374" v="1920" actId="14100"/>
          <ac:picMkLst>
            <pc:docMk/>
            <pc:sldMk cId="1191410536" sldId="298"/>
            <ac:picMk id="7170" creationId="{DF2D058C-83E8-4A47-B562-AF6BDC1280D9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1894432701" sldId="298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2758903276" sldId="299"/>
        </pc:sldMkLst>
      </pc:sldChg>
      <pc:sldChg chg="addSp delSp modSp new mod">
        <pc:chgData name="Daly Donnacha HSLU I" userId="0f22e960-400a-43ff-baeb-4828c8f5cd3a" providerId="ADAL" clId="{E97A8A5D-0FCA-E347-AB52-7B829F39BF62}" dt="2021-03-04T16:51:15.270" v="8220" actId="14100"/>
        <pc:sldMkLst>
          <pc:docMk/>
          <pc:sldMk cId="3496375890" sldId="299"/>
        </pc:sldMkLst>
        <pc:spChg chg="mod">
          <ac:chgData name="Daly Donnacha HSLU I" userId="0f22e960-400a-43ff-baeb-4828c8f5cd3a" providerId="ADAL" clId="{E97A8A5D-0FCA-E347-AB52-7B829F39BF62}" dt="2021-03-04T16:43:31.043" v="8162" actId="20577"/>
          <ac:spMkLst>
            <pc:docMk/>
            <pc:sldMk cId="3496375890" sldId="299"/>
            <ac:spMk id="2" creationId="{8726C9F1-9A52-AC4E-AF74-E71686F82629}"/>
          </ac:spMkLst>
        </pc:spChg>
        <pc:spChg chg="add del mod">
          <ac:chgData name="Daly Donnacha HSLU I" userId="0f22e960-400a-43ff-baeb-4828c8f5cd3a" providerId="ADAL" clId="{E97A8A5D-0FCA-E347-AB52-7B829F39BF62}" dt="2021-03-04T06:32:35.172" v="680" actId="478"/>
          <ac:spMkLst>
            <pc:docMk/>
            <pc:sldMk cId="3496375890" sldId="299"/>
            <ac:spMk id="4" creationId="{727D1558-A8D4-FD43-A450-AA83142C69E0}"/>
          </ac:spMkLst>
        </pc:spChg>
        <pc:spChg chg="add mod">
          <ac:chgData name="Daly Donnacha HSLU I" userId="0f22e960-400a-43ff-baeb-4828c8f5cd3a" providerId="ADAL" clId="{E97A8A5D-0FCA-E347-AB52-7B829F39BF62}" dt="2021-03-04T07:46:27.807" v="1935"/>
          <ac:spMkLst>
            <pc:docMk/>
            <pc:sldMk cId="3496375890" sldId="299"/>
            <ac:spMk id="6" creationId="{B556F5A2-8506-414F-AA9E-324CF7A83527}"/>
          </ac:spMkLst>
        </pc:spChg>
        <pc:spChg chg="add del mod">
          <ac:chgData name="Daly Donnacha HSLU I" userId="0f22e960-400a-43ff-baeb-4828c8f5cd3a" providerId="ADAL" clId="{E97A8A5D-0FCA-E347-AB52-7B829F39BF62}" dt="2021-03-04T16:42:39.008" v="8131" actId="478"/>
          <ac:spMkLst>
            <pc:docMk/>
            <pc:sldMk cId="3496375890" sldId="299"/>
            <ac:spMk id="8" creationId="{443787D8-C12F-7644-A2E4-42F98D8B53EF}"/>
          </ac:spMkLst>
        </pc:spChg>
        <pc:spChg chg="add mod">
          <ac:chgData name="Daly Donnacha HSLU I" userId="0f22e960-400a-43ff-baeb-4828c8f5cd3a" providerId="ADAL" clId="{E97A8A5D-0FCA-E347-AB52-7B829F39BF62}" dt="2021-03-04T16:51:15.270" v="8220" actId="14100"/>
          <ac:spMkLst>
            <pc:docMk/>
            <pc:sldMk cId="3496375890" sldId="299"/>
            <ac:spMk id="9" creationId="{D4D41460-ECCB-BA4F-B1DD-E7CEB2A4B0BF}"/>
          </ac:spMkLst>
        </pc:spChg>
        <pc:spChg chg="add del mod">
          <ac:chgData name="Daly Donnacha HSLU I" userId="0f22e960-400a-43ff-baeb-4828c8f5cd3a" providerId="ADAL" clId="{E97A8A5D-0FCA-E347-AB52-7B829F39BF62}" dt="2021-03-04T16:42:33.820" v="8130" actId="478"/>
          <ac:spMkLst>
            <pc:docMk/>
            <pc:sldMk cId="3496375890" sldId="299"/>
            <ac:spMk id="10" creationId="{875CAD1D-C340-EE49-BE3C-28CC23FBA0F6}"/>
          </ac:spMkLst>
        </pc:spChg>
        <pc:spChg chg="add del mod">
          <ac:chgData name="Daly Donnacha HSLU I" userId="0f22e960-400a-43ff-baeb-4828c8f5cd3a" providerId="ADAL" clId="{E97A8A5D-0FCA-E347-AB52-7B829F39BF62}" dt="2021-03-04T16:42:33.820" v="8130" actId="478"/>
          <ac:spMkLst>
            <pc:docMk/>
            <pc:sldMk cId="3496375890" sldId="299"/>
            <ac:spMk id="11" creationId="{DB0B634A-4DBB-364C-B95A-B6142452D8D7}"/>
          </ac:spMkLst>
        </pc:spChg>
        <pc:spChg chg="add del mod">
          <ac:chgData name="Daly Donnacha HSLU I" userId="0f22e960-400a-43ff-baeb-4828c8f5cd3a" providerId="ADAL" clId="{E97A8A5D-0FCA-E347-AB52-7B829F39BF62}" dt="2021-03-04T16:42:33.820" v="8130" actId="478"/>
          <ac:spMkLst>
            <pc:docMk/>
            <pc:sldMk cId="3496375890" sldId="299"/>
            <ac:spMk id="12" creationId="{91426D4D-280E-F045-BF8B-776AD2332458}"/>
          </ac:spMkLst>
        </pc:spChg>
        <pc:spChg chg="add mod">
          <ac:chgData name="Daly Donnacha HSLU I" userId="0f22e960-400a-43ff-baeb-4828c8f5cd3a" providerId="ADAL" clId="{E97A8A5D-0FCA-E347-AB52-7B829F39BF62}" dt="2021-03-04T16:49:51.994" v="8210" actId="14100"/>
          <ac:spMkLst>
            <pc:docMk/>
            <pc:sldMk cId="3496375890" sldId="299"/>
            <ac:spMk id="13" creationId="{9E3978EB-7419-5747-B06B-6832E27A5A9B}"/>
          </ac:spMkLst>
        </pc:spChg>
        <pc:spChg chg="add mod">
          <ac:chgData name="Daly Donnacha HSLU I" userId="0f22e960-400a-43ff-baeb-4828c8f5cd3a" providerId="ADAL" clId="{E97A8A5D-0FCA-E347-AB52-7B829F39BF62}" dt="2021-03-04T16:49:59.044" v="8211" actId="14100"/>
          <ac:spMkLst>
            <pc:docMk/>
            <pc:sldMk cId="3496375890" sldId="299"/>
            <ac:spMk id="14" creationId="{DF086904-E50F-B547-B147-F9D9872B411A}"/>
          </ac:spMkLst>
        </pc:spChg>
        <pc:spChg chg="add mod">
          <ac:chgData name="Daly Donnacha HSLU I" userId="0f22e960-400a-43ff-baeb-4828c8f5cd3a" providerId="ADAL" clId="{E97A8A5D-0FCA-E347-AB52-7B829F39BF62}" dt="2021-03-04T16:46:24.761" v="8192" actId="14100"/>
          <ac:spMkLst>
            <pc:docMk/>
            <pc:sldMk cId="3496375890" sldId="299"/>
            <ac:spMk id="15" creationId="{CF36B87C-5D58-EB4D-B3A4-842FDE4886CF}"/>
          </ac:spMkLst>
        </pc:spChg>
        <pc:spChg chg="add mod">
          <ac:chgData name="Daly Donnacha HSLU I" userId="0f22e960-400a-43ff-baeb-4828c8f5cd3a" providerId="ADAL" clId="{E97A8A5D-0FCA-E347-AB52-7B829F39BF62}" dt="2021-03-04T16:46:22.819" v="8191" actId="14100"/>
          <ac:spMkLst>
            <pc:docMk/>
            <pc:sldMk cId="3496375890" sldId="299"/>
            <ac:spMk id="16" creationId="{E14D5515-EF54-CF4F-86A0-0F615C290DEB}"/>
          </ac:spMkLst>
        </pc:spChg>
        <pc:picChg chg="add del mod">
          <ac:chgData name="Daly Donnacha HSLU I" userId="0f22e960-400a-43ff-baeb-4828c8f5cd3a" providerId="ADAL" clId="{E97A8A5D-0FCA-E347-AB52-7B829F39BF62}" dt="2021-03-04T06:32:29.358" v="679" actId="478"/>
          <ac:picMkLst>
            <pc:docMk/>
            <pc:sldMk cId="3496375890" sldId="299"/>
            <ac:picMk id="3" creationId="{AB344F1D-972F-194B-9230-B0B5C1A48F20}"/>
          </ac:picMkLst>
        </pc:picChg>
        <pc:picChg chg="add del mod">
          <ac:chgData name="Daly Donnacha HSLU I" userId="0f22e960-400a-43ff-baeb-4828c8f5cd3a" providerId="ADAL" clId="{E97A8A5D-0FCA-E347-AB52-7B829F39BF62}" dt="2021-03-04T16:42:33.820" v="8130" actId="478"/>
          <ac:picMkLst>
            <pc:docMk/>
            <pc:sldMk cId="3496375890" sldId="299"/>
            <ac:picMk id="5" creationId="{5C3CEC61-DF88-9D4B-AB6B-61BBF27CD25E}"/>
          </ac:picMkLst>
        </pc:picChg>
        <pc:picChg chg="add mod">
          <ac:chgData name="Daly Donnacha HSLU I" userId="0f22e960-400a-43ff-baeb-4828c8f5cd3a" providerId="ADAL" clId="{E97A8A5D-0FCA-E347-AB52-7B829F39BF62}" dt="2021-03-04T16:50:23.313" v="8214" actId="1076"/>
          <ac:picMkLst>
            <pc:docMk/>
            <pc:sldMk cId="3496375890" sldId="299"/>
            <ac:picMk id="7" creationId="{D9A5D027-CAB3-2344-8DDF-D069AB07EF74}"/>
          </ac:picMkLst>
        </pc:picChg>
      </pc:sldChg>
      <pc:sldChg chg="addSp delSp modSp new mod">
        <pc:chgData name="Daly Donnacha HSLU I" userId="0f22e960-400a-43ff-baeb-4828c8f5cd3a" providerId="ADAL" clId="{E97A8A5D-0FCA-E347-AB52-7B829F39BF62}" dt="2021-03-04T12:25:50.206" v="4094"/>
        <pc:sldMkLst>
          <pc:docMk/>
          <pc:sldMk cId="1824202436" sldId="300"/>
        </pc:sldMkLst>
        <pc:spChg chg="mod">
          <ac:chgData name="Daly Donnacha HSLU I" userId="0f22e960-400a-43ff-baeb-4828c8f5cd3a" providerId="ADAL" clId="{E97A8A5D-0FCA-E347-AB52-7B829F39BF62}" dt="2021-03-04T07:29:29.670" v="1862" actId="20577"/>
          <ac:spMkLst>
            <pc:docMk/>
            <pc:sldMk cId="1824202436" sldId="300"/>
            <ac:spMk id="2" creationId="{5D90FB21-AE6F-9942-834F-9A41B09B285E}"/>
          </ac:spMkLst>
        </pc:spChg>
        <pc:spChg chg="add del mod">
          <ac:chgData name="Daly Donnacha HSLU I" userId="0f22e960-400a-43ff-baeb-4828c8f5cd3a" providerId="ADAL" clId="{E97A8A5D-0FCA-E347-AB52-7B829F39BF62}" dt="2021-03-04T08:36:52.822" v="2091" actId="478"/>
          <ac:spMkLst>
            <pc:docMk/>
            <pc:sldMk cId="1824202436" sldId="300"/>
            <ac:spMk id="3" creationId="{00363831-57C2-7F47-85BC-7854069D292D}"/>
          </ac:spMkLst>
        </pc:spChg>
        <pc:spChg chg="add mod">
          <ac:chgData name="Daly Donnacha HSLU I" userId="0f22e960-400a-43ff-baeb-4828c8f5cd3a" providerId="ADAL" clId="{E97A8A5D-0FCA-E347-AB52-7B829F39BF62}" dt="2021-03-04T08:39:38.412" v="2127" actId="14100"/>
          <ac:spMkLst>
            <pc:docMk/>
            <pc:sldMk cId="1824202436" sldId="300"/>
            <ac:spMk id="4" creationId="{C480AF1E-A6AA-8F45-A0C4-462462A71F15}"/>
          </ac:spMkLst>
        </pc:spChg>
        <pc:spChg chg="add del mod">
          <ac:chgData name="Daly Donnacha HSLU I" userId="0f22e960-400a-43ff-baeb-4828c8f5cd3a" providerId="ADAL" clId="{E97A8A5D-0FCA-E347-AB52-7B829F39BF62}" dt="2021-03-04T08:37:59.340" v="2110"/>
          <ac:spMkLst>
            <pc:docMk/>
            <pc:sldMk cId="1824202436" sldId="300"/>
            <ac:spMk id="5" creationId="{02B22283-ECBF-434F-A376-547459E6E8B3}"/>
          </ac:spMkLst>
        </pc:spChg>
        <pc:spChg chg="add mod">
          <ac:chgData name="Daly Donnacha HSLU I" userId="0f22e960-400a-43ff-baeb-4828c8f5cd3a" providerId="ADAL" clId="{E97A8A5D-0FCA-E347-AB52-7B829F39BF62}" dt="2021-03-04T08:38:58.791" v="2122" actId="1035"/>
          <ac:spMkLst>
            <pc:docMk/>
            <pc:sldMk cId="1824202436" sldId="300"/>
            <ac:spMk id="6" creationId="{4A5D2E4C-31B0-C44B-8B7C-4312FCCD2F0A}"/>
          </ac:spMkLst>
        </pc:spChg>
        <pc:spChg chg="add mod">
          <ac:chgData name="Daly Donnacha HSLU I" userId="0f22e960-400a-43ff-baeb-4828c8f5cd3a" providerId="ADAL" clId="{E97A8A5D-0FCA-E347-AB52-7B829F39BF62}" dt="2021-03-04T08:38:58.791" v="2122" actId="1035"/>
          <ac:spMkLst>
            <pc:docMk/>
            <pc:sldMk cId="1824202436" sldId="300"/>
            <ac:spMk id="7" creationId="{C6CE921D-ECF5-8044-BE5D-E5F5ABCFA79A}"/>
          </ac:spMkLst>
        </pc:spChg>
        <pc:spChg chg="add mod">
          <ac:chgData name="Daly Donnacha HSLU I" userId="0f22e960-400a-43ff-baeb-4828c8f5cd3a" providerId="ADAL" clId="{E97A8A5D-0FCA-E347-AB52-7B829F39BF62}" dt="2021-03-04T08:38:58.791" v="2122" actId="1035"/>
          <ac:spMkLst>
            <pc:docMk/>
            <pc:sldMk cId="1824202436" sldId="300"/>
            <ac:spMk id="8" creationId="{2C1A40A7-D241-D24A-ACF5-0076C74390C7}"/>
          </ac:spMkLst>
        </pc:spChg>
        <pc:spChg chg="add mod">
          <ac:chgData name="Daly Donnacha HSLU I" userId="0f22e960-400a-43ff-baeb-4828c8f5cd3a" providerId="ADAL" clId="{E97A8A5D-0FCA-E347-AB52-7B829F39BF62}" dt="2021-03-04T08:38:58.791" v="2122" actId="1035"/>
          <ac:spMkLst>
            <pc:docMk/>
            <pc:sldMk cId="1824202436" sldId="300"/>
            <ac:spMk id="9" creationId="{EAE5C317-F0BB-A246-8524-55A8FF822AC3}"/>
          </ac:spMkLst>
        </pc:spChg>
        <pc:spChg chg="add mod">
          <ac:chgData name="Daly Donnacha HSLU I" userId="0f22e960-400a-43ff-baeb-4828c8f5cd3a" providerId="ADAL" clId="{E97A8A5D-0FCA-E347-AB52-7B829F39BF62}" dt="2021-03-04T08:38:58.791" v="2122" actId="1035"/>
          <ac:spMkLst>
            <pc:docMk/>
            <pc:sldMk cId="1824202436" sldId="300"/>
            <ac:spMk id="10" creationId="{586D5DE2-B500-0D45-B077-451E872D8A68}"/>
          </ac:spMkLst>
        </pc:spChg>
        <pc:spChg chg="add mod">
          <ac:chgData name="Daly Donnacha HSLU I" userId="0f22e960-400a-43ff-baeb-4828c8f5cd3a" providerId="ADAL" clId="{E97A8A5D-0FCA-E347-AB52-7B829F39BF62}" dt="2021-03-04T08:38:58.791" v="2122" actId="1035"/>
          <ac:spMkLst>
            <pc:docMk/>
            <pc:sldMk cId="1824202436" sldId="300"/>
            <ac:spMk id="11" creationId="{9BF204B3-87D0-8D4E-BD11-3D170EE87B9F}"/>
          </ac:spMkLst>
        </pc:spChg>
        <pc:spChg chg="add mod">
          <ac:chgData name="Daly Donnacha HSLU I" userId="0f22e960-400a-43ff-baeb-4828c8f5cd3a" providerId="ADAL" clId="{E97A8A5D-0FCA-E347-AB52-7B829F39BF62}" dt="2021-03-04T08:38:58.791" v="2122" actId="1035"/>
          <ac:spMkLst>
            <pc:docMk/>
            <pc:sldMk cId="1824202436" sldId="300"/>
            <ac:spMk id="16" creationId="{1858BA22-7456-6A4B-9B01-926D2BD095E2}"/>
          </ac:spMkLst>
        </pc:spChg>
        <pc:spChg chg="add mod">
          <ac:chgData name="Daly Donnacha HSLU I" userId="0f22e960-400a-43ff-baeb-4828c8f5cd3a" providerId="ADAL" clId="{E97A8A5D-0FCA-E347-AB52-7B829F39BF62}" dt="2021-03-04T08:38:58.791" v="2122" actId="1035"/>
          <ac:spMkLst>
            <pc:docMk/>
            <pc:sldMk cId="1824202436" sldId="300"/>
            <ac:spMk id="17" creationId="{0FF21E58-38AF-244D-9101-B684F4A4CEFC}"/>
          </ac:spMkLst>
        </pc:spChg>
        <pc:spChg chg="add mod">
          <ac:chgData name="Daly Donnacha HSLU I" userId="0f22e960-400a-43ff-baeb-4828c8f5cd3a" providerId="ADAL" clId="{E97A8A5D-0FCA-E347-AB52-7B829F39BF62}" dt="2021-03-04T08:38:58.791" v="2122" actId="1035"/>
          <ac:spMkLst>
            <pc:docMk/>
            <pc:sldMk cId="1824202436" sldId="300"/>
            <ac:spMk id="18" creationId="{8E979D99-1506-1448-BF55-635857E4FA42}"/>
          </ac:spMkLst>
        </pc:spChg>
        <pc:spChg chg="add mod">
          <ac:chgData name="Daly Donnacha HSLU I" userId="0f22e960-400a-43ff-baeb-4828c8f5cd3a" providerId="ADAL" clId="{E97A8A5D-0FCA-E347-AB52-7B829F39BF62}" dt="2021-03-04T08:42:45.892" v="2166" actId="20577"/>
          <ac:spMkLst>
            <pc:docMk/>
            <pc:sldMk cId="1824202436" sldId="300"/>
            <ac:spMk id="19" creationId="{95B28200-FC84-D14D-8457-3F38AEB2A370}"/>
          </ac:spMkLst>
        </pc:spChg>
        <pc:spChg chg="add mod">
          <ac:chgData name="Daly Donnacha HSLU I" userId="0f22e960-400a-43ff-baeb-4828c8f5cd3a" providerId="ADAL" clId="{E97A8A5D-0FCA-E347-AB52-7B829F39BF62}" dt="2021-03-04T12:25:50.206" v="4094"/>
          <ac:spMkLst>
            <pc:docMk/>
            <pc:sldMk cId="1824202436" sldId="300"/>
            <ac:spMk id="20" creationId="{6B2AB722-067C-5942-A5D1-BBDAC265CA69}"/>
          </ac:spMkLst>
        </pc:spChg>
        <pc:picChg chg="add mod">
          <ac:chgData name="Daly Donnacha HSLU I" userId="0f22e960-400a-43ff-baeb-4828c8f5cd3a" providerId="ADAL" clId="{E97A8A5D-0FCA-E347-AB52-7B829F39BF62}" dt="2021-03-04T08:38:58.791" v="2122" actId="1035"/>
          <ac:picMkLst>
            <pc:docMk/>
            <pc:sldMk cId="1824202436" sldId="300"/>
            <ac:picMk id="12" creationId="{F432F82B-EC1E-EC4E-BB2C-C1763BD04414}"/>
          </ac:picMkLst>
        </pc:picChg>
        <pc:picChg chg="add mod">
          <ac:chgData name="Daly Donnacha HSLU I" userId="0f22e960-400a-43ff-baeb-4828c8f5cd3a" providerId="ADAL" clId="{E97A8A5D-0FCA-E347-AB52-7B829F39BF62}" dt="2021-03-04T08:38:58.791" v="2122" actId="1035"/>
          <ac:picMkLst>
            <pc:docMk/>
            <pc:sldMk cId="1824202436" sldId="300"/>
            <ac:picMk id="13" creationId="{4F71F1F1-1084-FC41-A9C9-D1C0A59A8300}"/>
          </ac:picMkLst>
        </pc:picChg>
        <pc:picChg chg="add mod">
          <ac:chgData name="Daly Donnacha HSLU I" userId="0f22e960-400a-43ff-baeb-4828c8f5cd3a" providerId="ADAL" clId="{E97A8A5D-0FCA-E347-AB52-7B829F39BF62}" dt="2021-03-04T08:38:58.791" v="2122" actId="1035"/>
          <ac:picMkLst>
            <pc:docMk/>
            <pc:sldMk cId="1824202436" sldId="300"/>
            <ac:picMk id="14" creationId="{B9D13F45-0B18-4840-B7E6-045C9C148B78}"/>
          </ac:picMkLst>
        </pc:picChg>
        <pc:picChg chg="add mod">
          <ac:chgData name="Daly Donnacha HSLU I" userId="0f22e960-400a-43ff-baeb-4828c8f5cd3a" providerId="ADAL" clId="{E97A8A5D-0FCA-E347-AB52-7B829F39BF62}" dt="2021-03-04T08:38:58.791" v="2122" actId="1035"/>
          <ac:picMkLst>
            <pc:docMk/>
            <pc:sldMk cId="1824202436" sldId="300"/>
            <ac:picMk id="15" creationId="{5C4CD4E8-50CC-8D48-A4BB-2B6870A77480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911760799" sldId="300"/>
        </pc:sldMkLst>
      </pc:sldChg>
      <pc:sldChg chg="addSp delSp modSp new mod">
        <pc:chgData name="Daly Donnacha HSLU I" userId="0f22e960-400a-43ff-baeb-4828c8f5cd3a" providerId="ADAL" clId="{E97A8A5D-0FCA-E347-AB52-7B829F39BF62}" dt="2021-03-04T12:26:32.031" v="4096" actId="14734"/>
        <pc:sldMkLst>
          <pc:docMk/>
          <pc:sldMk cId="2687342508" sldId="301"/>
        </pc:sldMkLst>
        <pc:spChg chg="mod">
          <ac:chgData name="Daly Donnacha HSLU I" userId="0f22e960-400a-43ff-baeb-4828c8f5cd3a" providerId="ADAL" clId="{E97A8A5D-0FCA-E347-AB52-7B829F39BF62}" dt="2021-03-04T06:34:00.741" v="709" actId="20577"/>
          <ac:spMkLst>
            <pc:docMk/>
            <pc:sldMk cId="2687342508" sldId="301"/>
            <ac:spMk id="2" creationId="{6794BF81-81F4-5A44-816E-D8AD5D79504A}"/>
          </ac:spMkLst>
        </pc:spChg>
        <pc:spChg chg="add del mod">
          <ac:chgData name="Daly Donnacha HSLU I" userId="0f22e960-400a-43ff-baeb-4828c8f5cd3a" providerId="ADAL" clId="{E97A8A5D-0FCA-E347-AB52-7B829F39BF62}" dt="2021-03-04T06:33:43.071" v="689" actId="478"/>
          <ac:spMkLst>
            <pc:docMk/>
            <pc:sldMk cId="2687342508" sldId="301"/>
            <ac:spMk id="4" creationId="{28310C11-F29D-134B-B392-67BE81D2BF14}"/>
          </ac:spMkLst>
        </pc:spChg>
        <pc:spChg chg="add mod">
          <ac:chgData name="Daly Donnacha HSLU I" userId="0f22e960-400a-43ff-baeb-4828c8f5cd3a" providerId="ADAL" clId="{E97A8A5D-0FCA-E347-AB52-7B829F39BF62}" dt="2021-03-04T06:33:52.464" v="690"/>
          <ac:spMkLst>
            <pc:docMk/>
            <pc:sldMk cId="2687342508" sldId="301"/>
            <ac:spMk id="7" creationId="{70A67336-AA70-8D48-AA9E-871A8A3217B7}"/>
          </ac:spMkLst>
        </pc:spChg>
        <pc:spChg chg="add mod">
          <ac:chgData name="Daly Donnacha HSLU I" userId="0f22e960-400a-43ff-baeb-4828c8f5cd3a" providerId="ADAL" clId="{E97A8A5D-0FCA-E347-AB52-7B829F39BF62}" dt="2021-03-04T11:10:55.952" v="4064" actId="120"/>
          <ac:spMkLst>
            <pc:docMk/>
            <pc:sldMk cId="2687342508" sldId="301"/>
            <ac:spMk id="8" creationId="{CE8756D2-65DF-294B-A670-10DEDB12FF39}"/>
          </ac:spMkLst>
        </pc:spChg>
        <pc:spChg chg="add del mod">
          <ac:chgData name="Daly Donnacha HSLU I" userId="0f22e960-400a-43ff-baeb-4828c8f5cd3a" providerId="ADAL" clId="{E97A8A5D-0FCA-E347-AB52-7B829F39BF62}" dt="2021-03-04T09:31:25.229" v="3180" actId="478"/>
          <ac:spMkLst>
            <pc:docMk/>
            <pc:sldMk cId="2687342508" sldId="301"/>
            <ac:spMk id="9" creationId="{376EA82F-F623-3843-B9EB-96382C540C75}"/>
          </ac:spMkLst>
        </pc:spChg>
        <pc:spChg chg="add del mod">
          <ac:chgData name="Daly Donnacha HSLU I" userId="0f22e960-400a-43ff-baeb-4828c8f5cd3a" providerId="ADAL" clId="{E97A8A5D-0FCA-E347-AB52-7B829F39BF62}" dt="2021-03-04T09:31:25.229" v="3180" actId="478"/>
          <ac:spMkLst>
            <pc:docMk/>
            <pc:sldMk cId="2687342508" sldId="301"/>
            <ac:spMk id="10" creationId="{55196F95-6804-3849-876B-16CBD82B8E46}"/>
          </ac:spMkLst>
        </pc:spChg>
        <pc:spChg chg="add del mod">
          <ac:chgData name="Daly Donnacha HSLU I" userId="0f22e960-400a-43ff-baeb-4828c8f5cd3a" providerId="ADAL" clId="{E97A8A5D-0FCA-E347-AB52-7B829F39BF62}" dt="2021-03-04T09:31:25.229" v="3180" actId="478"/>
          <ac:spMkLst>
            <pc:docMk/>
            <pc:sldMk cId="2687342508" sldId="301"/>
            <ac:spMk id="11" creationId="{A33EBB01-001D-2447-8A2A-23C1D6BFA74A}"/>
          </ac:spMkLst>
        </pc:spChg>
        <pc:spChg chg="add del mod">
          <ac:chgData name="Daly Donnacha HSLU I" userId="0f22e960-400a-43ff-baeb-4828c8f5cd3a" providerId="ADAL" clId="{E97A8A5D-0FCA-E347-AB52-7B829F39BF62}" dt="2021-03-04T11:10:52.165" v="4063" actId="478"/>
          <ac:spMkLst>
            <pc:docMk/>
            <pc:sldMk cId="2687342508" sldId="301"/>
            <ac:spMk id="12" creationId="{1C302CE2-59A1-2C4F-B96B-61920ED970C5}"/>
          </ac:spMkLst>
        </pc:spChg>
        <pc:graphicFrameChg chg="add mod modGraphic">
          <ac:chgData name="Daly Donnacha HSLU I" userId="0f22e960-400a-43ff-baeb-4828c8f5cd3a" providerId="ADAL" clId="{E97A8A5D-0FCA-E347-AB52-7B829F39BF62}" dt="2021-03-04T12:26:32.031" v="4096" actId="14734"/>
          <ac:graphicFrameMkLst>
            <pc:docMk/>
            <pc:sldMk cId="2687342508" sldId="301"/>
            <ac:graphicFrameMk id="5" creationId="{3B8913E0-06E0-2F44-B27C-BC14CC0C71DD}"/>
          </ac:graphicFrameMkLst>
        </pc:graphicFrameChg>
        <pc:picChg chg="add del mod">
          <ac:chgData name="Daly Donnacha HSLU I" userId="0f22e960-400a-43ff-baeb-4828c8f5cd3a" providerId="ADAL" clId="{E97A8A5D-0FCA-E347-AB52-7B829F39BF62}" dt="2021-03-04T06:33:43.071" v="689" actId="478"/>
          <ac:picMkLst>
            <pc:docMk/>
            <pc:sldMk cId="2687342508" sldId="301"/>
            <ac:picMk id="3" creationId="{1A752C1A-928E-3847-AB46-D483922136C7}"/>
          </ac:picMkLst>
        </pc:picChg>
        <pc:picChg chg="add mod">
          <ac:chgData name="Daly Donnacha HSLU I" userId="0f22e960-400a-43ff-baeb-4828c8f5cd3a" providerId="ADAL" clId="{E97A8A5D-0FCA-E347-AB52-7B829F39BF62}" dt="2021-03-04T09:31:34.923" v="3183" actId="14100"/>
          <ac:picMkLst>
            <pc:docMk/>
            <pc:sldMk cId="2687342508" sldId="301"/>
            <ac:picMk id="6" creationId="{F7783C11-E0B7-BA49-BB2D-280C862A1CFF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633286550" sldId="301"/>
        </pc:sldMkLst>
      </pc:sldChg>
      <pc:sldChg chg="addSp delSp modSp new mod">
        <pc:chgData name="Daly Donnacha HSLU I" userId="0f22e960-400a-43ff-baeb-4828c8f5cd3a" providerId="ADAL" clId="{E97A8A5D-0FCA-E347-AB52-7B829F39BF62}" dt="2021-03-04T09:39:17.850" v="3365" actId="14100"/>
        <pc:sldMkLst>
          <pc:docMk/>
          <pc:sldMk cId="1997156730" sldId="302"/>
        </pc:sldMkLst>
        <pc:spChg chg="mod">
          <ac:chgData name="Daly Donnacha HSLU I" userId="0f22e960-400a-43ff-baeb-4828c8f5cd3a" providerId="ADAL" clId="{E97A8A5D-0FCA-E347-AB52-7B829F39BF62}" dt="2021-03-04T06:36:34.741" v="802" actId="20577"/>
          <ac:spMkLst>
            <pc:docMk/>
            <pc:sldMk cId="1997156730" sldId="302"/>
            <ac:spMk id="2" creationId="{787A9F39-4D51-B442-89E5-846545E3ADA8}"/>
          </ac:spMkLst>
        </pc:spChg>
        <pc:spChg chg="add mod">
          <ac:chgData name="Daly Donnacha HSLU I" userId="0f22e960-400a-43ff-baeb-4828c8f5cd3a" providerId="ADAL" clId="{E97A8A5D-0FCA-E347-AB52-7B829F39BF62}" dt="2021-03-04T06:34:28.548" v="726"/>
          <ac:spMkLst>
            <pc:docMk/>
            <pc:sldMk cId="1997156730" sldId="302"/>
            <ac:spMk id="5" creationId="{DDD3EC5A-EA55-C24D-9D37-BCFB82B7651E}"/>
          </ac:spMkLst>
        </pc:spChg>
        <pc:graphicFrameChg chg="add mod modGraphic">
          <ac:chgData name="Daly Donnacha HSLU I" userId="0f22e960-400a-43ff-baeb-4828c8f5cd3a" providerId="ADAL" clId="{E97A8A5D-0FCA-E347-AB52-7B829F39BF62}" dt="2021-03-04T09:39:05.791" v="3363" actId="14100"/>
          <ac:graphicFrameMkLst>
            <pc:docMk/>
            <pc:sldMk cId="1997156730" sldId="302"/>
            <ac:graphicFrameMk id="3" creationId="{11BDED25-BA58-7E44-A53D-68ECA6AFFF48}"/>
          </ac:graphicFrameMkLst>
        </pc:graphicFrameChg>
        <pc:graphicFrameChg chg="add del mod">
          <ac:chgData name="Daly Donnacha HSLU I" userId="0f22e960-400a-43ff-baeb-4828c8f5cd3a" providerId="ADAL" clId="{E97A8A5D-0FCA-E347-AB52-7B829F39BF62}" dt="2021-03-04T09:36:27.885" v="3295"/>
          <ac:graphicFrameMkLst>
            <pc:docMk/>
            <pc:sldMk cId="1997156730" sldId="302"/>
            <ac:graphicFrameMk id="6" creationId="{8B238A07-8E62-3342-A025-7F9BB3D40109}"/>
          </ac:graphicFrameMkLst>
        </pc:graphicFrameChg>
        <pc:graphicFrameChg chg="add mod modGraphic">
          <ac:chgData name="Daly Donnacha HSLU I" userId="0f22e960-400a-43ff-baeb-4828c8f5cd3a" providerId="ADAL" clId="{E97A8A5D-0FCA-E347-AB52-7B829F39BF62}" dt="2021-03-04T09:37:12.269" v="3319" actId="20577"/>
          <ac:graphicFrameMkLst>
            <pc:docMk/>
            <pc:sldMk cId="1997156730" sldId="302"/>
            <ac:graphicFrameMk id="7" creationId="{F44C1A52-8401-A843-AC91-AF16302682BE}"/>
          </ac:graphicFrameMkLst>
        </pc:graphicFrameChg>
        <pc:picChg chg="add mod">
          <ac:chgData name="Daly Donnacha HSLU I" userId="0f22e960-400a-43ff-baeb-4828c8f5cd3a" providerId="ADAL" clId="{E97A8A5D-0FCA-E347-AB52-7B829F39BF62}" dt="2021-03-04T09:39:17.850" v="3365" actId="14100"/>
          <ac:picMkLst>
            <pc:docMk/>
            <pc:sldMk cId="1997156730" sldId="302"/>
            <ac:picMk id="4" creationId="{3CEBD892-47EA-2045-98F6-B4B7DD77F8FE}"/>
          </ac:picMkLst>
        </pc:picChg>
      </pc:sldChg>
      <pc:sldChg chg="addSp delSp modSp new mod">
        <pc:chgData name="Daly Donnacha HSLU I" userId="0f22e960-400a-43ff-baeb-4828c8f5cd3a" providerId="ADAL" clId="{E97A8A5D-0FCA-E347-AB52-7B829F39BF62}" dt="2021-03-04T12:27:35.422" v="4102" actId="207"/>
        <pc:sldMkLst>
          <pc:docMk/>
          <pc:sldMk cId="3107213304" sldId="303"/>
        </pc:sldMkLst>
        <pc:spChg chg="mod">
          <ac:chgData name="Daly Donnacha HSLU I" userId="0f22e960-400a-43ff-baeb-4828c8f5cd3a" providerId="ADAL" clId="{E97A8A5D-0FCA-E347-AB52-7B829F39BF62}" dt="2021-03-04T06:35:22.752" v="750" actId="20577"/>
          <ac:spMkLst>
            <pc:docMk/>
            <pc:sldMk cId="3107213304" sldId="303"/>
            <ac:spMk id="2" creationId="{7FD624C4-B45D-8641-98D2-27FBAD49BC9E}"/>
          </ac:spMkLst>
        </pc:spChg>
        <pc:spChg chg="add del mod">
          <ac:chgData name="Daly Donnacha HSLU I" userId="0f22e960-400a-43ff-baeb-4828c8f5cd3a" providerId="ADAL" clId="{E97A8A5D-0FCA-E347-AB52-7B829F39BF62}" dt="2021-03-04T06:35:01.360" v="728"/>
          <ac:spMkLst>
            <pc:docMk/>
            <pc:sldMk cId="3107213304" sldId="303"/>
            <ac:spMk id="3" creationId="{1231C6FD-B51F-5146-805A-C0CAD5B73818}"/>
          </ac:spMkLst>
        </pc:spChg>
        <pc:spChg chg="add del mod">
          <ac:chgData name="Daly Donnacha HSLU I" userId="0f22e960-400a-43ff-baeb-4828c8f5cd3a" providerId="ADAL" clId="{E97A8A5D-0FCA-E347-AB52-7B829F39BF62}" dt="2021-03-04T06:35:01.360" v="728"/>
          <ac:spMkLst>
            <pc:docMk/>
            <pc:sldMk cId="3107213304" sldId="303"/>
            <ac:spMk id="4" creationId="{C2A30623-267A-FD4A-ACD9-16D4B9708651}"/>
          </ac:spMkLst>
        </pc:spChg>
        <pc:spChg chg="add del mod">
          <ac:chgData name="Daly Donnacha HSLU I" userId="0f22e960-400a-43ff-baeb-4828c8f5cd3a" providerId="ADAL" clId="{E97A8A5D-0FCA-E347-AB52-7B829F39BF62}" dt="2021-03-04T06:35:01.360" v="728"/>
          <ac:spMkLst>
            <pc:docMk/>
            <pc:sldMk cId="3107213304" sldId="303"/>
            <ac:spMk id="7" creationId="{D2A1D313-054D-C542-98C4-69FBB2636D35}"/>
          </ac:spMkLst>
        </pc:spChg>
        <pc:spChg chg="add del mod">
          <ac:chgData name="Daly Donnacha HSLU I" userId="0f22e960-400a-43ff-baeb-4828c8f5cd3a" providerId="ADAL" clId="{E97A8A5D-0FCA-E347-AB52-7B829F39BF62}" dt="2021-03-04T06:35:01.360" v="728"/>
          <ac:spMkLst>
            <pc:docMk/>
            <pc:sldMk cId="3107213304" sldId="303"/>
            <ac:spMk id="8" creationId="{1A7D1F6D-EA3E-4E47-BD89-5CDD000B4296}"/>
          </ac:spMkLst>
        </pc:spChg>
        <pc:spChg chg="add del mod">
          <ac:chgData name="Daly Donnacha HSLU I" userId="0f22e960-400a-43ff-baeb-4828c8f5cd3a" providerId="ADAL" clId="{E97A8A5D-0FCA-E347-AB52-7B829F39BF62}" dt="2021-03-04T06:35:01.360" v="728"/>
          <ac:spMkLst>
            <pc:docMk/>
            <pc:sldMk cId="3107213304" sldId="303"/>
            <ac:spMk id="9" creationId="{DC5B4D97-AFDB-974C-BC91-1755229ABBC4}"/>
          </ac:spMkLst>
        </pc:spChg>
        <pc:spChg chg="add del mod">
          <ac:chgData name="Daly Donnacha HSLU I" userId="0f22e960-400a-43ff-baeb-4828c8f5cd3a" providerId="ADAL" clId="{E97A8A5D-0FCA-E347-AB52-7B829F39BF62}" dt="2021-03-04T06:35:07.406" v="730"/>
          <ac:spMkLst>
            <pc:docMk/>
            <pc:sldMk cId="3107213304" sldId="303"/>
            <ac:spMk id="10" creationId="{83BFD555-CC5C-C542-A63A-0B693943EB0E}"/>
          </ac:spMkLst>
        </pc:spChg>
        <pc:spChg chg="add del mod">
          <ac:chgData name="Daly Donnacha HSLU I" userId="0f22e960-400a-43ff-baeb-4828c8f5cd3a" providerId="ADAL" clId="{E97A8A5D-0FCA-E347-AB52-7B829F39BF62}" dt="2021-03-04T06:35:07.406" v="730"/>
          <ac:spMkLst>
            <pc:docMk/>
            <pc:sldMk cId="3107213304" sldId="303"/>
            <ac:spMk id="11" creationId="{0AED2804-05E8-7F49-8147-C3F338E00C87}"/>
          </ac:spMkLst>
        </pc:spChg>
        <pc:spChg chg="add del mod">
          <ac:chgData name="Daly Donnacha HSLU I" userId="0f22e960-400a-43ff-baeb-4828c8f5cd3a" providerId="ADAL" clId="{E97A8A5D-0FCA-E347-AB52-7B829F39BF62}" dt="2021-03-04T06:35:07.406" v="730"/>
          <ac:spMkLst>
            <pc:docMk/>
            <pc:sldMk cId="3107213304" sldId="303"/>
            <ac:spMk id="14" creationId="{26E84BA2-F0E7-E14D-A44C-97B631F7E878}"/>
          </ac:spMkLst>
        </pc:spChg>
        <pc:spChg chg="add del mod">
          <ac:chgData name="Daly Donnacha HSLU I" userId="0f22e960-400a-43ff-baeb-4828c8f5cd3a" providerId="ADAL" clId="{E97A8A5D-0FCA-E347-AB52-7B829F39BF62}" dt="2021-03-04T06:35:07.406" v="730"/>
          <ac:spMkLst>
            <pc:docMk/>
            <pc:sldMk cId="3107213304" sldId="303"/>
            <ac:spMk id="15" creationId="{134FD666-A963-AD45-92B1-D0A19D108026}"/>
          </ac:spMkLst>
        </pc:spChg>
        <pc:spChg chg="add del mod">
          <ac:chgData name="Daly Donnacha HSLU I" userId="0f22e960-400a-43ff-baeb-4828c8f5cd3a" providerId="ADAL" clId="{E97A8A5D-0FCA-E347-AB52-7B829F39BF62}" dt="2021-03-04T06:35:07.406" v="730"/>
          <ac:spMkLst>
            <pc:docMk/>
            <pc:sldMk cId="3107213304" sldId="303"/>
            <ac:spMk id="16" creationId="{9A08D1CB-F1CB-0D48-8249-B706D976946C}"/>
          </ac:spMkLst>
        </pc:spChg>
        <pc:spChg chg="add mod">
          <ac:chgData name="Daly Donnacha HSLU I" userId="0f22e960-400a-43ff-baeb-4828c8f5cd3a" providerId="ADAL" clId="{E97A8A5D-0FCA-E347-AB52-7B829F39BF62}" dt="2021-03-04T11:01:00.855" v="3944" actId="1035"/>
          <ac:spMkLst>
            <pc:docMk/>
            <pc:sldMk cId="3107213304" sldId="303"/>
            <ac:spMk id="17" creationId="{2E140FEC-229B-A04E-9126-1B44482A3272}"/>
          </ac:spMkLst>
        </pc:spChg>
        <pc:spChg chg="add mod">
          <ac:chgData name="Daly Donnacha HSLU I" userId="0f22e960-400a-43ff-baeb-4828c8f5cd3a" providerId="ADAL" clId="{E97A8A5D-0FCA-E347-AB52-7B829F39BF62}" dt="2021-03-04T06:35:17.445" v="731"/>
          <ac:spMkLst>
            <pc:docMk/>
            <pc:sldMk cId="3107213304" sldId="303"/>
            <ac:spMk id="20" creationId="{C7CD531F-25DB-184F-9F5B-1D2F71F6978B}"/>
          </ac:spMkLst>
        </pc:spChg>
        <pc:spChg chg="add mod">
          <ac:chgData name="Daly Donnacha HSLU I" userId="0f22e960-400a-43ff-baeb-4828c8f5cd3a" providerId="ADAL" clId="{E97A8A5D-0FCA-E347-AB52-7B829F39BF62}" dt="2021-03-04T10:57:29.066" v="3913" actId="14100"/>
          <ac:spMkLst>
            <pc:docMk/>
            <pc:sldMk cId="3107213304" sldId="303"/>
            <ac:spMk id="21" creationId="{9F86F2BB-795E-AB44-B456-43A0CE2F9412}"/>
          </ac:spMkLst>
        </pc:spChg>
        <pc:spChg chg="add mod">
          <ac:chgData name="Daly Donnacha HSLU I" userId="0f22e960-400a-43ff-baeb-4828c8f5cd3a" providerId="ADAL" clId="{E97A8A5D-0FCA-E347-AB52-7B829F39BF62}" dt="2021-03-04T10:57:46.022" v="3916" actId="1036"/>
          <ac:spMkLst>
            <pc:docMk/>
            <pc:sldMk cId="3107213304" sldId="303"/>
            <ac:spMk id="22" creationId="{B2DA6CE7-85A1-2B47-82D5-DE54F5C300B6}"/>
          </ac:spMkLst>
        </pc:spChg>
        <pc:graphicFrameChg chg="add del mod">
          <ac:chgData name="Daly Donnacha HSLU I" userId="0f22e960-400a-43ff-baeb-4828c8f5cd3a" providerId="ADAL" clId="{E97A8A5D-0FCA-E347-AB52-7B829F39BF62}" dt="2021-03-04T06:35:01.360" v="728"/>
          <ac:graphicFrameMkLst>
            <pc:docMk/>
            <pc:sldMk cId="3107213304" sldId="303"/>
            <ac:graphicFrameMk id="5" creationId="{AA02EE7C-2A08-AF47-9495-1E8D7063E1EB}"/>
          </ac:graphicFrameMkLst>
        </pc:graphicFrameChg>
        <pc:graphicFrameChg chg="add del mod">
          <ac:chgData name="Daly Donnacha HSLU I" userId="0f22e960-400a-43ff-baeb-4828c8f5cd3a" providerId="ADAL" clId="{E97A8A5D-0FCA-E347-AB52-7B829F39BF62}" dt="2021-03-04T06:35:07.406" v="730"/>
          <ac:graphicFrameMkLst>
            <pc:docMk/>
            <pc:sldMk cId="3107213304" sldId="303"/>
            <ac:graphicFrameMk id="12" creationId="{73E84E91-761B-2649-B30E-65A5B80371C4}"/>
          </ac:graphicFrameMkLst>
        </pc:graphicFrameChg>
        <pc:graphicFrameChg chg="add mod modGraphic">
          <ac:chgData name="Daly Donnacha HSLU I" userId="0f22e960-400a-43ff-baeb-4828c8f5cd3a" providerId="ADAL" clId="{E97A8A5D-0FCA-E347-AB52-7B829F39BF62}" dt="2021-03-04T12:27:35.422" v="4102" actId="207"/>
          <ac:graphicFrameMkLst>
            <pc:docMk/>
            <pc:sldMk cId="3107213304" sldId="303"/>
            <ac:graphicFrameMk id="18" creationId="{6126A2F7-37AA-BF47-A744-9FC1318D614B}"/>
          </ac:graphicFrameMkLst>
        </pc:graphicFrameChg>
        <pc:picChg chg="add del mod">
          <ac:chgData name="Daly Donnacha HSLU I" userId="0f22e960-400a-43ff-baeb-4828c8f5cd3a" providerId="ADAL" clId="{E97A8A5D-0FCA-E347-AB52-7B829F39BF62}" dt="2021-03-04T06:35:01.360" v="728"/>
          <ac:picMkLst>
            <pc:docMk/>
            <pc:sldMk cId="3107213304" sldId="303"/>
            <ac:picMk id="6" creationId="{F8597BD0-21A7-BB4D-9AA3-59D98688050A}"/>
          </ac:picMkLst>
        </pc:picChg>
        <pc:picChg chg="add del mod">
          <ac:chgData name="Daly Donnacha HSLU I" userId="0f22e960-400a-43ff-baeb-4828c8f5cd3a" providerId="ADAL" clId="{E97A8A5D-0FCA-E347-AB52-7B829F39BF62}" dt="2021-03-04T06:35:07.406" v="730"/>
          <ac:picMkLst>
            <pc:docMk/>
            <pc:sldMk cId="3107213304" sldId="303"/>
            <ac:picMk id="13" creationId="{E2439B52-BBFD-2643-A455-9ACAF565DECC}"/>
          </ac:picMkLst>
        </pc:picChg>
        <pc:picChg chg="add mod">
          <ac:chgData name="Daly Donnacha HSLU I" userId="0f22e960-400a-43ff-baeb-4828c8f5cd3a" providerId="ADAL" clId="{E97A8A5D-0FCA-E347-AB52-7B829F39BF62}" dt="2021-03-04T10:57:46.022" v="3916" actId="1036"/>
          <ac:picMkLst>
            <pc:docMk/>
            <pc:sldMk cId="3107213304" sldId="303"/>
            <ac:picMk id="19" creationId="{31276626-CBB2-5442-ABB3-A29606D295FC}"/>
          </ac:picMkLst>
        </pc:picChg>
      </pc:sldChg>
      <pc:sldChg chg="addSp modSp new mod">
        <pc:chgData name="Daly Donnacha HSLU I" userId="0f22e960-400a-43ff-baeb-4828c8f5cd3a" providerId="ADAL" clId="{E97A8A5D-0FCA-E347-AB52-7B829F39BF62}" dt="2021-03-04T11:03:38.936" v="4002" actId="14100"/>
        <pc:sldMkLst>
          <pc:docMk/>
          <pc:sldMk cId="491426249" sldId="304"/>
        </pc:sldMkLst>
        <pc:spChg chg="mod">
          <ac:chgData name="Daly Donnacha HSLU I" userId="0f22e960-400a-43ff-baeb-4828c8f5cd3a" providerId="ADAL" clId="{E97A8A5D-0FCA-E347-AB52-7B829F39BF62}" dt="2021-03-04T06:36:06.358" v="783" actId="20577"/>
          <ac:spMkLst>
            <pc:docMk/>
            <pc:sldMk cId="491426249" sldId="304"/>
            <ac:spMk id="2" creationId="{C70AA48E-0E04-5B42-98A6-1CD66FDF1AFA}"/>
          </ac:spMkLst>
        </pc:spChg>
        <pc:spChg chg="add mod">
          <ac:chgData name="Daly Donnacha HSLU I" userId="0f22e960-400a-43ff-baeb-4828c8f5cd3a" providerId="ADAL" clId="{E97A8A5D-0FCA-E347-AB52-7B829F39BF62}" dt="2021-03-04T11:01:38.817" v="3949" actId="1076"/>
          <ac:spMkLst>
            <pc:docMk/>
            <pc:sldMk cId="491426249" sldId="304"/>
            <ac:spMk id="5" creationId="{EBC12E9B-CD3F-234E-A1EC-A6697C959FAB}"/>
          </ac:spMkLst>
        </pc:spChg>
        <pc:spChg chg="add mod">
          <ac:chgData name="Daly Donnacha HSLU I" userId="0f22e960-400a-43ff-baeb-4828c8f5cd3a" providerId="ADAL" clId="{E97A8A5D-0FCA-E347-AB52-7B829F39BF62}" dt="2021-03-04T08:35:27.452" v="2090"/>
          <ac:spMkLst>
            <pc:docMk/>
            <pc:sldMk cId="491426249" sldId="304"/>
            <ac:spMk id="6" creationId="{17C1D47C-EDCE-D143-B7D4-031932E009A8}"/>
          </ac:spMkLst>
        </pc:spChg>
        <pc:graphicFrameChg chg="add mod modGraphic">
          <ac:chgData name="Daly Donnacha HSLU I" userId="0f22e960-400a-43ff-baeb-4828c8f5cd3a" providerId="ADAL" clId="{E97A8A5D-0FCA-E347-AB52-7B829F39BF62}" dt="2021-03-04T11:03:38.936" v="4002" actId="14100"/>
          <ac:graphicFrameMkLst>
            <pc:docMk/>
            <pc:sldMk cId="491426249" sldId="304"/>
            <ac:graphicFrameMk id="3" creationId="{BA4EF2B0-1EFE-7F44-B531-250BC55F1BBE}"/>
          </ac:graphicFrameMkLst>
        </pc:graphicFrameChg>
        <pc:picChg chg="add mod">
          <ac:chgData name="Daly Donnacha HSLU I" userId="0f22e960-400a-43ff-baeb-4828c8f5cd3a" providerId="ADAL" clId="{E97A8A5D-0FCA-E347-AB52-7B829F39BF62}" dt="2021-03-04T11:01:29.315" v="3946" actId="14100"/>
          <ac:picMkLst>
            <pc:docMk/>
            <pc:sldMk cId="491426249" sldId="304"/>
            <ac:picMk id="4" creationId="{EA86F773-1421-5A44-BC9F-F8DCF4214856}"/>
          </ac:picMkLst>
        </pc:picChg>
        <pc:cxnChg chg="add mod">
          <ac:chgData name="Daly Donnacha HSLU I" userId="0f22e960-400a-43ff-baeb-4828c8f5cd3a" providerId="ADAL" clId="{E97A8A5D-0FCA-E347-AB52-7B829F39BF62}" dt="2021-03-04T11:03:23.156" v="3999" actId="14100"/>
          <ac:cxnSpMkLst>
            <pc:docMk/>
            <pc:sldMk cId="491426249" sldId="304"/>
            <ac:cxnSpMk id="8" creationId="{BA07F766-225C-154C-AB7E-1931B7010BF2}"/>
          </ac:cxnSpMkLst>
        </pc:cxnChg>
        <pc:cxnChg chg="add mod">
          <ac:chgData name="Daly Donnacha HSLU I" userId="0f22e960-400a-43ff-baeb-4828c8f5cd3a" providerId="ADAL" clId="{E97A8A5D-0FCA-E347-AB52-7B829F39BF62}" dt="2021-03-04T11:03:18.507" v="3998" actId="14100"/>
          <ac:cxnSpMkLst>
            <pc:docMk/>
            <pc:sldMk cId="491426249" sldId="304"/>
            <ac:cxnSpMk id="9" creationId="{178F48E0-B950-BE4D-9043-FCCFF3DA0096}"/>
          </ac:cxnSpMkLst>
        </pc:cxnChg>
        <pc:cxnChg chg="add mod">
          <ac:chgData name="Daly Donnacha HSLU I" userId="0f22e960-400a-43ff-baeb-4828c8f5cd3a" providerId="ADAL" clId="{E97A8A5D-0FCA-E347-AB52-7B829F39BF62}" dt="2021-03-04T11:03:13.271" v="3997" actId="14100"/>
          <ac:cxnSpMkLst>
            <pc:docMk/>
            <pc:sldMk cId="491426249" sldId="304"/>
            <ac:cxnSpMk id="10" creationId="{D9F7F4A6-41FA-6C4D-A727-145D29A8AC50}"/>
          </ac:cxnSpMkLst>
        </pc:cxnChg>
      </pc:sldChg>
      <pc:sldChg chg="addSp modSp new mod ord">
        <pc:chgData name="Daly Donnacha HSLU I" userId="0f22e960-400a-43ff-baeb-4828c8f5cd3a" providerId="ADAL" clId="{E97A8A5D-0FCA-E347-AB52-7B829F39BF62}" dt="2021-03-04T11:14:23.487" v="4092" actId="14100"/>
        <pc:sldMkLst>
          <pc:docMk/>
          <pc:sldMk cId="118083533" sldId="305"/>
        </pc:sldMkLst>
        <pc:spChg chg="mod">
          <ac:chgData name="Daly Donnacha HSLU I" userId="0f22e960-400a-43ff-baeb-4828c8f5cd3a" providerId="ADAL" clId="{E97A8A5D-0FCA-E347-AB52-7B829F39BF62}" dt="2021-03-04T06:38:42.309" v="825" actId="20577"/>
          <ac:spMkLst>
            <pc:docMk/>
            <pc:sldMk cId="118083533" sldId="305"/>
            <ac:spMk id="2" creationId="{E9361C0F-2BCD-A74F-A585-347FD0C2CEC0}"/>
          </ac:spMkLst>
        </pc:spChg>
        <pc:spChg chg="add mod">
          <ac:chgData name="Daly Donnacha HSLU I" userId="0f22e960-400a-43ff-baeb-4828c8f5cd3a" providerId="ADAL" clId="{E97A8A5D-0FCA-E347-AB52-7B829F39BF62}" dt="2021-03-04T11:14:13.181" v="4091" actId="1036"/>
          <ac:spMkLst>
            <pc:docMk/>
            <pc:sldMk cId="118083533" sldId="305"/>
            <ac:spMk id="4" creationId="{64A1666F-B7D2-394E-A788-F9F2B0F6B535}"/>
          </ac:spMkLst>
        </pc:spChg>
        <pc:spChg chg="add mod">
          <ac:chgData name="Daly Donnacha HSLU I" userId="0f22e960-400a-43ff-baeb-4828c8f5cd3a" providerId="ADAL" clId="{E97A8A5D-0FCA-E347-AB52-7B829F39BF62}" dt="2021-03-04T07:27:47.361" v="1834"/>
          <ac:spMkLst>
            <pc:docMk/>
            <pc:sldMk cId="118083533" sldId="305"/>
            <ac:spMk id="6" creationId="{84D0D00A-BD7A-A24C-BD73-A474EE675A9B}"/>
          </ac:spMkLst>
        </pc:spChg>
        <pc:spChg chg="add mod">
          <ac:chgData name="Daly Donnacha HSLU I" userId="0f22e960-400a-43ff-baeb-4828c8f5cd3a" providerId="ADAL" clId="{E97A8A5D-0FCA-E347-AB52-7B829F39BF62}" dt="2021-03-04T11:14:13.181" v="4091" actId="1036"/>
          <ac:spMkLst>
            <pc:docMk/>
            <pc:sldMk cId="118083533" sldId="305"/>
            <ac:spMk id="8" creationId="{8E0F65DF-9AA2-8044-B39B-6DB4E4B6AB9D}"/>
          </ac:spMkLst>
        </pc:spChg>
        <pc:graphicFrameChg chg="add mod modGraphic">
          <ac:chgData name="Daly Donnacha HSLU I" userId="0f22e960-400a-43ff-baeb-4828c8f5cd3a" providerId="ADAL" clId="{E97A8A5D-0FCA-E347-AB52-7B829F39BF62}" dt="2021-03-04T11:14:23.487" v="4092" actId="14100"/>
          <ac:graphicFrameMkLst>
            <pc:docMk/>
            <pc:sldMk cId="118083533" sldId="305"/>
            <ac:graphicFrameMk id="7" creationId="{841F2B78-094D-4A4E-9EC5-469C2DE675A2}"/>
          </ac:graphicFrameMkLst>
        </pc:graphicFrameChg>
        <pc:picChg chg="add mod">
          <ac:chgData name="Daly Donnacha HSLU I" userId="0f22e960-400a-43ff-baeb-4828c8f5cd3a" providerId="ADAL" clId="{E97A8A5D-0FCA-E347-AB52-7B829F39BF62}" dt="2021-03-04T11:14:13.181" v="4091" actId="1036"/>
          <ac:picMkLst>
            <pc:docMk/>
            <pc:sldMk cId="118083533" sldId="305"/>
            <ac:picMk id="3" creationId="{43E7A72D-C420-C945-94D3-E8F5079FBD02}"/>
          </ac:picMkLst>
        </pc:picChg>
        <pc:picChg chg="add mod">
          <ac:chgData name="Daly Donnacha HSLU I" userId="0f22e960-400a-43ff-baeb-4828c8f5cd3a" providerId="ADAL" clId="{E97A8A5D-0FCA-E347-AB52-7B829F39BF62}" dt="2021-03-04T11:06:28.438" v="4033" actId="14100"/>
          <ac:picMkLst>
            <pc:docMk/>
            <pc:sldMk cId="118083533" sldId="305"/>
            <ac:picMk id="5" creationId="{97262CEE-D7B6-E54B-B83E-6C74EC319881}"/>
          </ac:picMkLst>
        </pc:picChg>
      </pc:sldChg>
      <pc:sldChg chg="addSp modSp new mod">
        <pc:chgData name="Daly Donnacha HSLU I" userId="0f22e960-400a-43ff-baeb-4828c8f5cd3a" providerId="ADAL" clId="{E97A8A5D-0FCA-E347-AB52-7B829F39BF62}" dt="2021-03-04T13:04:07.089" v="5249" actId="122"/>
        <pc:sldMkLst>
          <pc:docMk/>
          <pc:sldMk cId="2383844350" sldId="306"/>
        </pc:sldMkLst>
        <pc:spChg chg="mod">
          <ac:chgData name="Daly Donnacha HSLU I" userId="0f22e960-400a-43ff-baeb-4828c8f5cd3a" providerId="ADAL" clId="{E97A8A5D-0FCA-E347-AB52-7B829F39BF62}" dt="2021-03-04T12:57:47.722" v="5209" actId="6549"/>
          <ac:spMkLst>
            <pc:docMk/>
            <pc:sldMk cId="2383844350" sldId="306"/>
            <ac:spMk id="2" creationId="{D3ABBB2E-82F2-A740-B5F3-90FFC037C83E}"/>
          </ac:spMkLst>
        </pc:spChg>
        <pc:spChg chg="add mod">
          <ac:chgData name="Daly Donnacha HSLU I" userId="0f22e960-400a-43ff-baeb-4828c8f5cd3a" providerId="ADAL" clId="{E97A8A5D-0FCA-E347-AB52-7B829F39BF62}" dt="2021-03-04T06:41:46.559" v="937"/>
          <ac:spMkLst>
            <pc:docMk/>
            <pc:sldMk cId="2383844350" sldId="306"/>
            <ac:spMk id="6" creationId="{8D4EDFC5-4399-5C41-B338-582E6F9AC240}"/>
          </ac:spMkLst>
        </pc:spChg>
        <pc:spChg chg="add mod">
          <ac:chgData name="Daly Donnacha HSLU I" userId="0f22e960-400a-43ff-baeb-4828c8f5cd3a" providerId="ADAL" clId="{E97A8A5D-0FCA-E347-AB52-7B829F39BF62}" dt="2021-03-04T13:03:53.251" v="5245" actId="1076"/>
          <ac:spMkLst>
            <pc:docMk/>
            <pc:sldMk cId="2383844350" sldId="306"/>
            <ac:spMk id="7" creationId="{3A56D244-AFB3-EC49-8F26-60F64FBB071A}"/>
          </ac:spMkLst>
        </pc:spChg>
        <pc:spChg chg="add mod">
          <ac:chgData name="Daly Donnacha HSLU I" userId="0f22e960-400a-43ff-baeb-4828c8f5cd3a" providerId="ADAL" clId="{E97A8A5D-0FCA-E347-AB52-7B829F39BF62}" dt="2021-03-04T13:04:07.089" v="5249" actId="122"/>
          <ac:spMkLst>
            <pc:docMk/>
            <pc:sldMk cId="2383844350" sldId="306"/>
            <ac:spMk id="8" creationId="{57444A1A-43C3-9844-A206-092106FA3ED3}"/>
          </ac:spMkLst>
        </pc:spChg>
        <pc:graphicFrameChg chg="add mod modGraphic">
          <ac:chgData name="Daly Donnacha HSLU I" userId="0f22e960-400a-43ff-baeb-4828c8f5cd3a" providerId="ADAL" clId="{E97A8A5D-0FCA-E347-AB52-7B829F39BF62}" dt="2021-03-04T12:56:34.689" v="5156" actId="20577"/>
          <ac:graphicFrameMkLst>
            <pc:docMk/>
            <pc:sldMk cId="2383844350" sldId="306"/>
            <ac:graphicFrameMk id="3" creationId="{33B9FEE7-021A-444F-B9A6-9EE2B352FB66}"/>
          </ac:graphicFrameMkLst>
        </pc:graphicFrameChg>
        <pc:picChg chg="add mod">
          <ac:chgData name="Daly Donnacha HSLU I" userId="0f22e960-400a-43ff-baeb-4828c8f5cd3a" providerId="ADAL" clId="{E97A8A5D-0FCA-E347-AB52-7B829F39BF62}" dt="2021-03-04T13:03:43.878" v="5242" actId="14100"/>
          <ac:picMkLst>
            <pc:docMk/>
            <pc:sldMk cId="2383844350" sldId="306"/>
            <ac:picMk id="4" creationId="{1DFE684A-4669-2440-B950-6A3F6FE7359B}"/>
          </ac:picMkLst>
        </pc:picChg>
        <pc:picChg chg="add mod">
          <ac:chgData name="Daly Donnacha HSLU I" userId="0f22e960-400a-43ff-baeb-4828c8f5cd3a" providerId="ADAL" clId="{E97A8A5D-0FCA-E347-AB52-7B829F39BF62}" dt="2021-03-04T13:04:00.215" v="5246" actId="1076"/>
          <ac:picMkLst>
            <pc:docMk/>
            <pc:sldMk cId="2383844350" sldId="306"/>
            <ac:picMk id="5" creationId="{03D3C72D-E689-F749-B9C3-4E5D16BD0E92}"/>
          </ac:picMkLst>
        </pc:picChg>
      </pc:sldChg>
      <pc:sldChg chg="addSp modSp new del mod">
        <pc:chgData name="Daly Donnacha HSLU I" userId="0f22e960-400a-43ff-baeb-4828c8f5cd3a" providerId="ADAL" clId="{E97A8A5D-0FCA-E347-AB52-7B829F39BF62}" dt="2021-03-04T12:58:46.557" v="5210" actId="2696"/>
        <pc:sldMkLst>
          <pc:docMk/>
          <pc:sldMk cId="4135186139" sldId="307"/>
        </pc:sldMkLst>
        <pc:spChg chg="mod">
          <ac:chgData name="Daly Donnacha HSLU I" userId="0f22e960-400a-43ff-baeb-4828c8f5cd3a" providerId="ADAL" clId="{E97A8A5D-0FCA-E347-AB52-7B829F39BF62}" dt="2021-03-04T06:43:41.239" v="974" actId="20577"/>
          <ac:spMkLst>
            <pc:docMk/>
            <pc:sldMk cId="4135186139" sldId="307"/>
            <ac:spMk id="2" creationId="{88A834F0-7626-4842-9E55-EC1A68CCDEE4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3" creationId="{521A3F6C-3229-2146-B911-F1ACE70BE61B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5" creationId="{EE9DE76A-D3CF-7243-9201-62B304498192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7" creationId="{85299876-C43F-164C-BD53-0809C459B3B5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8" creationId="{71157EF8-2679-A14B-B1C4-9EFD5A8126B3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9" creationId="{7C820D10-F053-834B-B761-30E2021D0AD7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10" creationId="{8A558A58-1CB0-C74A-BEE7-011DDF8E8D3A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11" creationId="{AFADD9E1-109F-644E-9292-F7C7A02D6961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12" creationId="{124A8632-BCC7-EE4C-B021-5DD544E0B1B5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13" creationId="{9D3AACF6-9B0A-5A42-8C59-AC9DAB90B758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16" creationId="{C328F991-1438-EB46-B9EC-EF5CBC571117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17" creationId="{E9813D9B-08B8-174C-BE86-B574E9A296E5}"/>
          </ac:spMkLst>
        </pc:spChg>
        <pc:spChg chg="add mod">
          <ac:chgData name="Daly Donnacha HSLU I" userId="0f22e960-400a-43ff-baeb-4828c8f5cd3a" providerId="ADAL" clId="{E97A8A5D-0FCA-E347-AB52-7B829F39BF62}" dt="2021-03-04T06:43:49.663" v="975"/>
          <ac:spMkLst>
            <pc:docMk/>
            <pc:sldMk cId="4135186139" sldId="307"/>
            <ac:spMk id="18" creationId="{0B472730-7A1D-7B48-921E-B1513949E160}"/>
          </ac:spMkLst>
        </pc:spChg>
        <pc:picChg chg="add mod">
          <ac:chgData name="Daly Donnacha HSLU I" userId="0f22e960-400a-43ff-baeb-4828c8f5cd3a" providerId="ADAL" clId="{E97A8A5D-0FCA-E347-AB52-7B829F39BF62}" dt="2021-03-04T06:43:49.663" v="975"/>
          <ac:picMkLst>
            <pc:docMk/>
            <pc:sldMk cId="4135186139" sldId="307"/>
            <ac:picMk id="4" creationId="{47A53268-DB7A-1249-90C4-9C8628FBBAE7}"/>
          </ac:picMkLst>
        </pc:picChg>
        <pc:picChg chg="add mod">
          <ac:chgData name="Daly Donnacha HSLU I" userId="0f22e960-400a-43ff-baeb-4828c8f5cd3a" providerId="ADAL" clId="{E97A8A5D-0FCA-E347-AB52-7B829F39BF62}" dt="2021-03-04T06:43:49.663" v="975"/>
          <ac:picMkLst>
            <pc:docMk/>
            <pc:sldMk cId="4135186139" sldId="307"/>
            <ac:picMk id="6" creationId="{72F0F336-7AA5-7840-8E80-FF4AE1C4891B}"/>
          </ac:picMkLst>
        </pc:picChg>
        <pc:cxnChg chg="add mod">
          <ac:chgData name="Daly Donnacha HSLU I" userId="0f22e960-400a-43ff-baeb-4828c8f5cd3a" providerId="ADAL" clId="{E97A8A5D-0FCA-E347-AB52-7B829F39BF62}" dt="2021-03-04T06:43:49.663" v="975"/>
          <ac:cxnSpMkLst>
            <pc:docMk/>
            <pc:sldMk cId="4135186139" sldId="307"/>
            <ac:cxnSpMk id="14" creationId="{0EA6D18D-EAD7-FB41-9625-E52F0EC30246}"/>
          </ac:cxnSpMkLst>
        </pc:cxnChg>
        <pc:cxnChg chg="add mod">
          <ac:chgData name="Daly Donnacha HSLU I" userId="0f22e960-400a-43ff-baeb-4828c8f5cd3a" providerId="ADAL" clId="{E97A8A5D-0FCA-E347-AB52-7B829F39BF62}" dt="2021-03-04T06:43:49.663" v="975"/>
          <ac:cxnSpMkLst>
            <pc:docMk/>
            <pc:sldMk cId="4135186139" sldId="307"/>
            <ac:cxnSpMk id="15" creationId="{7E412DDA-5398-2040-8DB8-4DCF5DB280E7}"/>
          </ac:cxnSpMkLst>
        </pc:cxnChg>
        <pc:cxnChg chg="add mod">
          <ac:chgData name="Daly Donnacha HSLU I" userId="0f22e960-400a-43ff-baeb-4828c8f5cd3a" providerId="ADAL" clId="{E97A8A5D-0FCA-E347-AB52-7B829F39BF62}" dt="2021-03-04T06:43:49.663" v="975"/>
          <ac:cxnSpMkLst>
            <pc:docMk/>
            <pc:sldMk cId="4135186139" sldId="307"/>
            <ac:cxnSpMk id="19" creationId="{8D2EF11F-2B12-4548-B7C1-C11A4ED937FA}"/>
          </ac:cxnSpMkLst>
        </pc:cxnChg>
      </pc:sldChg>
      <pc:sldChg chg="addSp delSp modSp new mod">
        <pc:chgData name="Daly Donnacha HSLU I" userId="0f22e960-400a-43ff-baeb-4828c8f5cd3a" providerId="ADAL" clId="{E97A8A5D-0FCA-E347-AB52-7B829F39BF62}" dt="2021-03-04T13:06:27.471" v="5277" actId="5793"/>
        <pc:sldMkLst>
          <pc:docMk/>
          <pc:sldMk cId="1527540121" sldId="308"/>
        </pc:sldMkLst>
        <pc:spChg chg="mod">
          <ac:chgData name="Daly Donnacha HSLU I" userId="0f22e960-400a-43ff-baeb-4828c8f5cd3a" providerId="ADAL" clId="{E97A8A5D-0FCA-E347-AB52-7B829F39BF62}" dt="2021-03-04T06:45:28.109" v="1066" actId="20577"/>
          <ac:spMkLst>
            <pc:docMk/>
            <pc:sldMk cId="1527540121" sldId="308"/>
            <ac:spMk id="2" creationId="{F1861375-A2F7-0D4A-9C9D-910D6BFB3A9D}"/>
          </ac:spMkLst>
        </pc:spChg>
        <pc:spChg chg="add del mod">
          <ac:chgData name="Daly Donnacha HSLU I" userId="0f22e960-400a-43ff-baeb-4828c8f5cd3a" providerId="ADAL" clId="{E97A8A5D-0FCA-E347-AB52-7B829F39BF62}" dt="2021-03-04T06:45:37.816" v="1068" actId="478"/>
          <ac:spMkLst>
            <pc:docMk/>
            <pc:sldMk cId="1527540121" sldId="308"/>
            <ac:spMk id="3" creationId="{1B88E66B-5EC8-744E-808F-C18DF93C8BA7}"/>
          </ac:spMkLst>
        </pc:spChg>
        <pc:spChg chg="add mod">
          <ac:chgData name="Daly Donnacha HSLU I" userId="0f22e960-400a-43ff-baeb-4828c8f5cd3a" providerId="ADAL" clId="{E97A8A5D-0FCA-E347-AB52-7B829F39BF62}" dt="2021-03-04T13:02:08.521" v="5236" actId="1076"/>
          <ac:spMkLst>
            <pc:docMk/>
            <pc:sldMk cId="1527540121" sldId="308"/>
            <ac:spMk id="4" creationId="{0E25F3DC-0849-474E-9EAE-70E9EBE60465}"/>
          </ac:spMkLst>
        </pc:spChg>
        <pc:spChg chg="add mod">
          <ac:chgData name="Daly Donnacha HSLU I" userId="0f22e960-400a-43ff-baeb-4828c8f5cd3a" providerId="ADAL" clId="{E97A8A5D-0FCA-E347-AB52-7B829F39BF62}" dt="2021-03-04T06:45:38.276" v="1069"/>
          <ac:spMkLst>
            <pc:docMk/>
            <pc:sldMk cId="1527540121" sldId="308"/>
            <ac:spMk id="8" creationId="{1F14BDC9-F9B1-5049-88B6-1DE33C5C2051}"/>
          </ac:spMkLst>
        </pc:spChg>
        <pc:graphicFrameChg chg="add mod modGraphic">
          <ac:chgData name="Daly Donnacha HSLU I" userId="0f22e960-400a-43ff-baeb-4828c8f5cd3a" providerId="ADAL" clId="{E97A8A5D-0FCA-E347-AB52-7B829F39BF62}" dt="2021-03-04T13:06:27.471" v="5277" actId="5793"/>
          <ac:graphicFrameMkLst>
            <pc:docMk/>
            <pc:sldMk cId="1527540121" sldId="308"/>
            <ac:graphicFrameMk id="6" creationId="{B90DD1B9-8D32-9941-99A8-1BFE8B5E24D2}"/>
          </ac:graphicFrameMkLst>
        </pc:graphicFrameChg>
        <pc:picChg chg="add mod">
          <ac:chgData name="Daly Donnacha HSLU I" userId="0f22e960-400a-43ff-baeb-4828c8f5cd3a" providerId="ADAL" clId="{E97A8A5D-0FCA-E347-AB52-7B829F39BF62}" dt="2021-03-04T13:02:08.521" v="5236" actId="1076"/>
          <ac:picMkLst>
            <pc:docMk/>
            <pc:sldMk cId="1527540121" sldId="308"/>
            <ac:picMk id="5" creationId="{5591C53C-EBA3-8B45-82F0-2BB2A4844E93}"/>
          </ac:picMkLst>
        </pc:picChg>
        <pc:picChg chg="add mod">
          <ac:chgData name="Daly Donnacha HSLU I" userId="0f22e960-400a-43ff-baeb-4828c8f5cd3a" providerId="ADAL" clId="{E97A8A5D-0FCA-E347-AB52-7B829F39BF62}" dt="2021-03-04T06:45:38.276" v="1069"/>
          <ac:picMkLst>
            <pc:docMk/>
            <pc:sldMk cId="1527540121" sldId="308"/>
            <ac:picMk id="7" creationId="{477D5DD7-3F72-4D4A-A981-5C42D391A191}"/>
          </ac:picMkLst>
        </pc:picChg>
      </pc:sldChg>
      <pc:sldChg chg="addSp modSp new mod">
        <pc:chgData name="Daly Donnacha HSLU I" userId="0f22e960-400a-43ff-baeb-4828c8f5cd3a" providerId="ADAL" clId="{E97A8A5D-0FCA-E347-AB52-7B829F39BF62}" dt="2021-03-04T11:12:51.988" v="4071" actId="14100"/>
        <pc:sldMkLst>
          <pc:docMk/>
          <pc:sldMk cId="1811375172" sldId="309"/>
        </pc:sldMkLst>
        <pc:spChg chg="mod">
          <ac:chgData name="Daly Donnacha HSLU I" userId="0f22e960-400a-43ff-baeb-4828c8f5cd3a" providerId="ADAL" clId="{E97A8A5D-0FCA-E347-AB52-7B829F39BF62}" dt="2021-03-04T06:40:10.713" v="849" actId="20577"/>
          <ac:spMkLst>
            <pc:docMk/>
            <pc:sldMk cId="1811375172" sldId="309"/>
            <ac:spMk id="2" creationId="{7F4C807F-AF41-DC4F-B61B-24F9F7EB6567}"/>
          </ac:spMkLst>
        </pc:spChg>
        <pc:spChg chg="add mod">
          <ac:chgData name="Daly Donnacha HSLU I" userId="0f22e960-400a-43ff-baeb-4828c8f5cd3a" providerId="ADAL" clId="{E97A8A5D-0FCA-E347-AB52-7B829F39BF62}" dt="2021-03-04T11:12:51.988" v="4071" actId="14100"/>
          <ac:spMkLst>
            <pc:docMk/>
            <pc:sldMk cId="1811375172" sldId="309"/>
            <ac:spMk id="4" creationId="{468833C6-49D0-3E42-B701-380472D82083}"/>
          </ac:spMkLst>
        </pc:spChg>
        <pc:spChg chg="add mod">
          <ac:chgData name="Daly Donnacha HSLU I" userId="0f22e960-400a-43ff-baeb-4828c8f5cd3a" providerId="ADAL" clId="{E97A8A5D-0FCA-E347-AB52-7B829F39BF62}" dt="2021-03-04T11:12:37.814" v="4069" actId="207"/>
          <ac:spMkLst>
            <pc:docMk/>
            <pc:sldMk cId="1811375172" sldId="309"/>
            <ac:spMk id="5" creationId="{26ABF855-213B-1749-937B-AB5ED0798EF0}"/>
          </ac:spMkLst>
        </pc:spChg>
        <pc:spChg chg="add mod">
          <ac:chgData name="Daly Donnacha HSLU I" userId="0f22e960-400a-43ff-baeb-4828c8f5cd3a" providerId="ADAL" clId="{E97A8A5D-0FCA-E347-AB52-7B829F39BF62}" dt="2021-03-04T09:55:11.602" v="3498" actId="1076"/>
          <ac:spMkLst>
            <pc:docMk/>
            <pc:sldMk cId="1811375172" sldId="309"/>
            <ac:spMk id="6" creationId="{84A53669-1AD6-1246-B1DF-B32F78C0154E}"/>
          </ac:spMkLst>
        </pc:spChg>
        <pc:graphicFrameChg chg="add mod modGraphic">
          <ac:chgData name="Daly Donnacha HSLU I" userId="0f22e960-400a-43ff-baeb-4828c8f5cd3a" providerId="ADAL" clId="{E97A8A5D-0FCA-E347-AB52-7B829F39BF62}" dt="2021-03-04T09:57:27.852" v="3520" actId="14100"/>
          <ac:graphicFrameMkLst>
            <pc:docMk/>
            <pc:sldMk cId="1811375172" sldId="309"/>
            <ac:graphicFrameMk id="9" creationId="{D31E2F07-2DD6-D145-9B43-A8BC47ED23EB}"/>
          </ac:graphicFrameMkLst>
        </pc:graphicFrameChg>
        <pc:picChg chg="add mod">
          <ac:chgData name="Daly Donnacha HSLU I" userId="0f22e960-400a-43ff-baeb-4828c8f5cd3a" providerId="ADAL" clId="{E97A8A5D-0FCA-E347-AB52-7B829F39BF62}" dt="2021-03-04T06:40:19.902" v="850"/>
          <ac:picMkLst>
            <pc:docMk/>
            <pc:sldMk cId="1811375172" sldId="309"/>
            <ac:picMk id="3" creationId="{FE4DBA24-1CCC-9746-8807-543CD31116A0}"/>
          </ac:picMkLst>
        </pc:picChg>
        <pc:cxnChg chg="add mod">
          <ac:chgData name="Daly Donnacha HSLU I" userId="0f22e960-400a-43ff-baeb-4828c8f5cd3a" providerId="ADAL" clId="{E97A8A5D-0FCA-E347-AB52-7B829F39BF62}" dt="2021-03-04T06:40:19.902" v="850"/>
          <ac:cxnSpMkLst>
            <pc:docMk/>
            <pc:sldMk cId="1811375172" sldId="309"/>
            <ac:cxnSpMk id="7" creationId="{C8A6201D-3591-7643-A753-8DE2CEBFFA63}"/>
          </ac:cxnSpMkLst>
        </pc:cxnChg>
        <pc:cxnChg chg="add mod">
          <ac:chgData name="Daly Donnacha HSLU I" userId="0f22e960-400a-43ff-baeb-4828c8f5cd3a" providerId="ADAL" clId="{E97A8A5D-0FCA-E347-AB52-7B829F39BF62}" dt="2021-03-04T06:40:19.902" v="850"/>
          <ac:cxnSpMkLst>
            <pc:docMk/>
            <pc:sldMk cId="1811375172" sldId="309"/>
            <ac:cxnSpMk id="8" creationId="{B976491A-0262-3148-A587-937889F37A40}"/>
          </ac:cxnSpMkLst>
        </pc:cxn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4794297" sldId="310"/>
        </pc:sldMkLst>
      </pc:sldChg>
      <pc:sldChg chg="addSp delSp modSp new mod">
        <pc:chgData name="Daly Donnacha HSLU I" userId="0f22e960-400a-43ff-baeb-4828c8f5cd3a" providerId="ADAL" clId="{E97A8A5D-0FCA-E347-AB52-7B829F39BF62}" dt="2021-03-04T12:52:45.047" v="5026" actId="20577"/>
        <pc:sldMkLst>
          <pc:docMk/>
          <pc:sldMk cId="1673037813" sldId="310"/>
        </pc:sldMkLst>
        <pc:spChg chg="mod">
          <ac:chgData name="Daly Donnacha HSLU I" userId="0f22e960-400a-43ff-baeb-4828c8f5cd3a" providerId="ADAL" clId="{E97A8A5D-0FCA-E347-AB52-7B829F39BF62}" dt="2021-03-04T12:48:36.846" v="4677" actId="20577"/>
          <ac:spMkLst>
            <pc:docMk/>
            <pc:sldMk cId="1673037813" sldId="310"/>
            <ac:spMk id="2" creationId="{1C226DB8-D9C2-B34D-91B3-56EEFE39527A}"/>
          </ac:spMkLst>
        </pc:spChg>
        <pc:spChg chg="add mod">
          <ac:chgData name="Daly Donnacha HSLU I" userId="0f22e960-400a-43ff-baeb-4828c8f5cd3a" providerId="ADAL" clId="{E97A8A5D-0FCA-E347-AB52-7B829F39BF62}" dt="2021-03-04T12:49:10.530" v="4691" actId="1037"/>
          <ac:spMkLst>
            <pc:docMk/>
            <pc:sldMk cId="1673037813" sldId="310"/>
            <ac:spMk id="4" creationId="{6C84277F-C5C9-D04B-A2C0-EEEB960344A7}"/>
          </ac:spMkLst>
        </pc:spChg>
        <pc:spChg chg="add del mod">
          <ac:chgData name="Daly Donnacha HSLU I" userId="0f22e960-400a-43ff-baeb-4828c8f5cd3a" providerId="ADAL" clId="{E97A8A5D-0FCA-E347-AB52-7B829F39BF62}" dt="2021-03-04T12:28:45.911" v="4104" actId="21"/>
          <ac:spMkLst>
            <pc:docMk/>
            <pc:sldMk cId="1673037813" sldId="310"/>
            <ac:spMk id="6" creationId="{415DA39B-2673-F044-9CB3-810CD171E5DA}"/>
          </ac:spMkLst>
        </pc:spChg>
        <pc:spChg chg="add del mod">
          <ac:chgData name="Daly Donnacha HSLU I" userId="0f22e960-400a-43ff-baeb-4828c8f5cd3a" providerId="ADAL" clId="{E97A8A5D-0FCA-E347-AB52-7B829F39BF62}" dt="2021-03-04T12:44:04.319" v="4553" actId="478"/>
          <ac:spMkLst>
            <pc:docMk/>
            <pc:sldMk cId="1673037813" sldId="310"/>
            <ac:spMk id="7" creationId="{9AEC22CE-C3CE-F04D-876B-DFAA6803DFD0}"/>
          </ac:spMkLst>
        </pc:spChg>
        <pc:spChg chg="add mod">
          <ac:chgData name="Daly Donnacha HSLU I" userId="0f22e960-400a-43ff-baeb-4828c8f5cd3a" providerId="ADAL" clId="{E97A8A5D-0FCA-E347-AB52-7B829F39BF62}" dt="2021-03-04T12:29:22.890" v="4110"/>
          <ac:spMkLst>
            <pc:docMk/>
            <pc:sldMk cId="1673037813" sldId="310"/>
            <ac:spMk id="8" creationId="{C8603FED-E7A9-AD47-A527-67BBD8B64741}"/>
          </ac:spMkLst>
        </pc:spChg>
        <pc:spChg chg="add mod">
          <ac:chgData name="Daly Donnacha HSLU I" userId="0f22e960-400a-43ff-baeb-4828c8f5cd3a" providerId="ADAL" clId="{E97A8A5D-0FCA-E347-AB52-7B829F39BF62}" dt="2021-03-04T12:52:45.047" v="5026" actId="20577"/>
          <ac:spMkLst>
            <pc:docMk/>
            <pc:sldMk cId="1673037813" sldId="310"/>
            <ac:spMk id="9" creationId="{E5369A9D-DAD0-B84F-88E2-65106FD6D881}"/>
          </ac:spMkLst>
        </pc:spChg>
        <pc:picChg chg="add mod">
          <ac:chgData name="Daly Donnacha HSLU I" userId="0f22e960-400a-43ff-baeb-4828c8f5cd3a" providerId="ADAL" clId="{E97A8A5D-0FCA-E347-AB52-7B829F39BF62}" dt="2021-03-04T12:49:07.061" v="4688" actId="1037"/>
          <ac:picMkLst>
            <pc:docMk/>
            <pc:sldMk cId="1673037813" sldId="310"/>
            <ac:picMk id="3" creationId="{2CE7553E-8C9B-B043-8DA8-4C408B6BB108}"/>
          </ac:picMkLst>
        </pc:picChg>
        <pc:picChg chg="add del mod">
          <ac:chgData name="Daly Donnacha HSLU I" userId="0f22e960-400a-43ff-baeb-4828c8f5cd3a" providerId="ADAL" clId="{E97A8A5D-0FCA-E347-AB52-7B829F39BF62}" dt="2021-03-04T12:28:45.911" v="4104" actId="21"/>
          <ac:picMkLst>
            <pc:docMk/>
            <pc:sldMk cId="1673037813" sldId="310"/>
            <ac:picMk id="5" creationId="{4E35C8D2-7521-AC44-BD97-80203A1028BF}"/>
          </ac:picMkLst>
        </pc:picChg>
      </pc:sldChg>
      <pc:sldChg chg="addSp modSp new mod ord">
        <pc:chgData name="Daly Donnacha HSLU I" userId="0f22e960-400a-43ff-baeb-4828c8f5cd3a" providerId="ADAL" clId="{E97A8A5D-0FCA-E347-AB52-7B829F39BF62}" dt="2021-03-04T12:43:46.523" v="4551" actId="20577"/>
        <pc:sldMkLst>
          <pc:docMk/>
          <pc:sldMk cId="1259789175" sldId="311"/>
        </pc:sldMkLst>
        <pc:spChg chg="mod">
          <ac:chgData name="Daly Donnacha HSLU I" userId="0f22e960-400a-43ff-baeb-4828c8f5cd3a" providerId="ADAL" clId="{E97A8A5D-0FCA-E347-AB52-7B829F39BF62}" dt="2021-03-04T12:31:46.179" v="4181" actId="20577"/>
          <ac:spMkLst>
            <pc:docMk/>
            <pc:sldMk cId="1259789175" sldId="311"/>
            <ac:spMk id="2" creationId="{E0547001-CCBC-7F4F-937D-3F15FF090BCE}"/>
          </ac:spMkLst>
        </pc:spChg>
        <pc:spChg chg="add mod">
          <ac:chgData name="Daly Donnacha HSLU I" userId="0f22e960-400a-43ff-baeb-4828c8f5cd3a" providerId="ADAL" clId="{E97A8A5D-0FCA-E347-AB52-7B829F39BF62}" dt="2021-03-04T12:43:00.325" v="4546" actId="207"/>
          <ac:spMkLst>
            <pc:docMk/>
            <pc:sldMk cId="1259789175" sldId="311"/>
            <ac:spMk id="3" creationId="{3C545F8A-29C5-3F43-838E-36297E91F615}"/>
          </ac:spMkLst>
        </pc:spChg>
        <pc:spChg chg="add mod">
          <ac:chgData name="Daly Donnacha HSLU I" userId="0f22e960-400a-43ff-baeb-4828c8f5cd3a" providerId="ADAL" clId="{E97A8A5D-0FCA-E347-AB52-7B829F39BF62}" dt="2021-03-04T06:44:45.643" v="1002"/>
          <ac:spMkLst>
            <pc:docMk/>
            <pc:sldMk cId="1259789175" sldId="311"/>
            <ac:spMk id="5" creationId="{265ACC0F-B1A1-6F4F-AEE3-0817A6A54815}"/>
          </ac:spMkLst>
        </pc:spChg>
        <pc:spChg chg="add mod">
          <ac:chgData name="Daly Donnacha HSLU I" userId="0f22e960-400a-43ff-baeb-4828c8f5cd3a" providerId="ADAL" clId="{E97A8A5D-0FCA-E347-AB52-7B829F39BF62}" dt="2021-03-04T12:43:04.381" v="4547" actId="207"/>
          <ac:spMkLst>
            <pc:docMk/>
            <pc:sldMk cId="1259789175" sldId="311"/>
            <ac:spMk id="6" creationId="{84A83679-1F3D-6649-AAEB-E9F4D9654111}"/>
          </ac:spMkLst>
        </pc:spChg>
        <pc:spChg chg="add mod">
          <ac:chgData name="Daly Donnacha HSLU I" userId="0f22e960-400a-43ff-baeb-4828c8f5cd3a" providerId="ADAL" clId="{E97A8A5D-0FCA-E347-AB52-7B829F39BF62}" dt="2021-03-04T12:39:33.560" v="4366" actId="20577"/>
          <ac:spMkLst>
            <pc:docMk/>
            <pc:sldMk cId="1259789175" sldId="311"/>
            <ac:spMk id="9" creationId="{B2D8C4DF-6C20-834A-8116-D2A8CE86E295}"/>
          </ac:spMkLst>
        </pc:spChg>
        <pc:spChg chg="add mod">
          <ac:chgData name="Daly Donnacha HSLU I" userId="0f22e960-400a-43ff-baeb-4828c8f5cd3a" providerId="ADAL" clId="{E97A8A5D-0FCA-E347-AB52-7B829F39BF62}" dt="2021-03-04T12:43:46.523" v="4551" actId="20577"/>
          <ac:spMkLst>
            <pc:docMk/>
            <pc:sldMk cId="1259789175" sldId="311"/>
            <ac:spMk id="10" creationId="{28F5123E-BEE4-2E48-8755-7121A2042E99}"/>
          </ac:spMkLst>
        </pc:spChg>
        <pc:picChg chg="add mod">
          <ac:chgData name="Daly Donnacha HSLU I" userId="0f22e960-400a-43ff-baeb-4828c8f5cd3a" providerId="ADAL" clId="{E97A8A5D-0FCA-E347-AB52-7B829F39BF62}" dt="2021-03-04T12:39:19.765" v="4364" actId="1038"/>
          <ac:picMkLst>
            <pc:docMk/>
            <pc:sldMk cId="1259789175" sldId="311"/>
            <ac:picMk id="4" creationId="{445E3258-E3C0-704C-8E24-B270B73CE80E}"/>
          </ac:picMkLst>
        </pc:picChg>
        <pc:picChg chg="add mod">
          <ac:chgData name="Daly Donnacha HSLU I" userId="0f22e960-400a-43ff-baeb-4828c8f5cd3a" providerId="ADAL" clId="{E97A8A5D-0FCA-E347-AB52-7B829F39BF62}" dt="2021-03-04T12:39:16.684" v="4362" actId="1038"/>
          <ac:picMkLst>
            <pc:docMk/>
            <pc:sldMk cId="1259789175" sldId="311"/>
            <ac:picMk id="7" creationId="{0447B1F7-7346-3246-8661-5DEC261FDB07}"/>
          </ac:picMkLst>
        </pc:picChg>
        <pc:picChg chg="add mod">
          <ac:chgData name="Daly Donnacha HSLU I" userId="0f22e960-400a-43ff-baeb-4828c8f5cd3a" providerId="ADAL" clId="{E97A8A5D-0FCA-E347-AB52-7B829F39BF62}" dt="2021-03-04T12:38:31.780" v="4338" actId="1076"/>
          <ac:picMkLst>
            <pc:docMk/>
            <pc:sldMk cId="1259789175" sldId="311"/>
            <ac:picMk id="8" creationId="{96729536-2198-3045-B96B-D8835A242C75}"/>
          </ac:picMkLst>
        </pc:picChg>
      </pc:sldChg>
      <pc:sldChg chg="addSp delSp modSp new mod">
        <pc:chgData name="Daly Donnacha HSLU I" userId="0f22e960-400a-43ff-baeb-4828c8f5cd3a" providerId="ADAL" clId="{E97A8A5D-0FCA-E347-AB52-7B829F39BF62}" dt="2021-03-04T13:11:34.795" v="5411" actId="20577"/>
        <pc:sldMkLst>
          <pc:docMk/>
          <pc:sldMk cId="1221596850" sldId="312"/>
        </pc:sldMkLst>
        <pc:spChg chg="mod">
          <ac:chgData name="Daly Donnacha HSLU I" userId="0f22e960-400a-43ff-baeb-4828c8f5cd3a" providerId="ADAL" clId="{E97A8A5D-0FCA-E347-AB52-7B829F39BF62}" dt="2021-03-04T06:45:59.696" v="1101" actId="20577"/>
          <ac:spMkLst>
            <pc:docMk/>
            <pc:sldMk cId="1221596850" sldId="312"/>
            <ac:spMk id="2" creationId="{69DB84F2-6C81-B641-B3A8-6450CCCB444F}"/>
          </ac:spMkLst>
        </pc:spChg>
        <pc:spChg chg="add mod">
          <ac:chgData name="Daly Donnacha HSLU I" userId="0f22e960-400a-43ff-baeb-4828c8f5cd3a" providerId="ADAL" clId="{E97A8A5D-0FCA-E347-AB52-7B829F39BF62}" dt="2021-03-04T06:46:07.506" v="1102"/>
          <ac:spMkLst>
            <pc:docMk/>
            <pc:sldMk cId="1221596850" sldId="312"/>
            <ac:spMk id="4" creationId="{128B7756-175A-C648-A6C7-2DEEF20FD7FB}"/>
          </ac:spMkLst>
        </pc:spChg>
        <pc:spChg chg="add mod">
          <ac:chgData name="Daly Donnacha HSLU I" userId="0f22e960-400a-43ff-baeb-4828c8f5cd3a" providerId="ADAL" clId="{E97A8A5D-0FCA-E347-AB52-7B829F39BF62}" dt="2021-03-04T13:11:03.730" v="5384" actId="14100"/>
          <ac:spMkLst>
            <pc:docMk/>
            <pc:sldMk cId="1221596850" sldId="312"/>
            <ac:spMk id="5" creationId="{BD62C94F-F70F-5F41-A23B-9A3308AD5D00}"/>
          </ac:spMkLst>
        </pc:spChg>
        <pc:spChg chg="add mod">
          <ac:chgData name="Daly Donnacha HSLU I" userId="0f22e960-400a-43ff-baeb-4828c8f5cd3a" providerId="ADAL" clId="{E97A8A5D-0FCA-E347-AB52-7B829F39BF62}" dt="2021-03-04T13:11:06.941" v="5388" actId="1038"/>
          <ac:spMkLst>
            <pc:docMk/>
            <pc:sldMk cId="1221596850" sldId="312"/>
            <ac:spMk id="6" creationId="{4F296F38-55B9-EA42-9F9B-05CA41759C36}"/>
          </ac:spMkLst>
        </pc:spChg>
        <pc:spChg chg="add mod">
          <ac:chgData name="Daly Donnacha HSLU I" userId="0f22e960-400a-43ff-baeb-4828c8f5cd3a" providerId="ADAL" clId="{E97A8A5D-0FCA-E347-AB52-7B829F39BF62}" dt="2021-03-04T13:11:10.286" v="5389" actId="1037"/>
          <ac:spMkLst>
            <pc:docMk/>
            <pc:sldMk cId="1221596850" sldId="312"/>
            <ac:spMk id="7" creationId="{ED286DFD-8475-A74B-93B1-D2A37D98C2B0}"/>
          </ac:spMkLst>
        </pc:spChg>
        <pc:spChg chg="add del mod">
          <ac:chgData name="Daly Donnacha HSLU I" userId="0f22e960-400a-43ff-baeb-4828c8f5cd3a" providerId="ADAL" clId="{E97A8A5D-0FCA-E347-AB52-7B829F39BF62}" dt="2021-03-04T13:07:01.860" v="5278" actId="478"/>
          <ac:spMkLst>
            <pc:docMk/>
            <pc:sldMk cId="1221596850" sldId="312"/>
            <ac:spMk id="9" creationId="{2755E333-C11C-2F4A-9807-36236A6A6947}"/>
          </ac:spMkLst>
        </pc:spChg>
        <pc:spChg chg="add mod">
          <ac:chgData name="Daly Donnacha HSLU I" userId="0f22e960-400a-43ff-baeb-4828c8f5cd3a" providerId="ADAL" clId="{E97A8A5D-0FCA-E347-AB52-7B829F39BF62}" dt="2021-03-04T13:11:34.795" v="5411" actId="20577"/>
          <ac:spMkLst>
            <pc:docMk/>
            <pc:sldMk cId="1221596850" sldId="312"/>
            <ac:spMk id="11" creationId="{BBA9D351-B9DF-2449-B5AF-4EA835742ED6}"/>
          </ac:spMkLst>
        </pc:spChg>
        <pc:graphicFrameChg chg="add mod modGraphic">
          <ac:chgData name="Daly Donnacha HSLU I" userId="0f22e960-400a-43ff-baeb-4828c8f5cd3a" providerId="ADAL" clId="{E97A8A5D-0FCA-E347-AB52-7B829F39BF62}" dt="2021-03-04T13:09:21.781" v="5365" actId="20577"/>
          <ac:graphicFrameMkLst>
            <pc:docMk/>
            <pc:sldMk cId="1221596850" sldId="312"/>
            <ac:graphicFrameMk id="8" creationId="{C0EEDADF-2576-5D46-ADED-66C5734D881B}"/>
          </ac:graphicFrameMkLst>
        </pc:graphicFrameChg>
        <pc:picChg chg="add del mod">
          <ac:chgData name="Daly Donnacha HSLU I" userId="0f22e960-400a-43ff-baeb-4828c8f5cd3a" providerId="ADAL" clId="{E97A8A5D-0FCA-E347-AB52-7B829F39BF62}" dt="2021-03-04T13:10:13.405" v="5366" actId="478"/>
          <ac:picMkLst>
            <pc:docMk/>
            <pc:sldMk cId="1221596850" sldId="312"/>
            <ac:picMk id="3" creationId="{16DA04A9-96C7-1245-8FBA-33B34114D200}"/>
          </ac:picMkLst>
        </pc:picChg>
        <pc:picChg chg="add mod">
          <ac:chgData name="Daly Donnacha HSLU I" userId="0f22e960-400a-43ff-baeb-4828c8f5cd3a" providerId="ADAL" clId="{E97A8A5D-0FCA-E347-AB52-7B829F39BF62}" dt="2021-03-04T13:10:25.267" v="5374" actId="1036"/>
          <ac:picMkLst>
            <pc:docMk/>
            <pc:sldMk cId="1221596850" sldId="312"/>
            <ac:picMk id="10242" creationId="{FC76E5BD-26D0-764D-98DE-EEFB7CBD0281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941838807" sldId="312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1491672963" sldId="313"/>
        </pc:sldMkLst>
      </pc:sldChg>
      <pc:sldChg chg="addSp delSp modSp new mod">
        <pc:chgData name="Daly Donnacha HSLU I" userId="0f22e960-400a-43ff-baeb-4828c8f5cd3a" providerId="ADAL" clId="{E97A8A5D-0FCA-E347-AB52-7B829F39BF62}" dt="2021-03-04T14:48:41.199" v="7712" actId="1035"/>
        <pc:sldMkLst>
          <pc:docMk/>
          <pc:sldMk cId="2838435821" sldId="313"/>
        </pc:sldMkLst>
        <pc:spChg chg="mod">
          <ac:chgData name="Daly Donnacha HSLU I" userId="0f22e960-400a-43ff-baeb-4828c8f5cd3a" providerId="ADAL" clId="{E97A8A5D-0FCA-E347-AB52-7B829F39BF62}" dt="2021-03-04T13:12:38.813" v="5454" actId="20577"/>
          <ac:spMkLst>
            <pc:docMk/>
            <pc:sldMk cId="2838435821" sldId="313"/>
            <ac:spMk id="2" creationId="{F248A561-7B49-5F49-BD18-951F0AB642DD}"/>
          </ac:spMkLst>
        </pc:spChg>
        <pc:spChg chg="add mod">
          <ac:chgData name="Daly Donnacha HSLU I" userId="0f22e960-400a-43ff-baeb-4828c8f5cd3a" providerId="ADAL" clId="{E97A8A5D-0FCA-E347-AB52-7B829F39BF62}" dt="2021-03-04T14:47:50.110" v="7610" actId="1035"/>
          <ac:spMkLst>
            <pc:docMk/>
            <pc:sldMk cId="2838435821" sldId="313"/>
            <ac:spMk id="5" creationId="{463641EC-49E9-CE4B-8870-D05E5FAD4B12}"/>
          </ac:spMkLst>
        </pc:spChg>
        <pc:spChg chg="add del mod">
          <ac:chgData name="Daly Donnacha HSLU I" userId="0f22e960-400a-43ff-baeb-4828c8f5cd3a" providerId="ADAL" clId="{E97A8A5D-0FCA-E347-AB52-7B829F39BF62}" dt="2021-03-04T13:28:51.953" v="5843" actId="478"/>
          <ac:spMkLst>
            <pc:docMk/>
            <pc:sldMk cId="2838435821" sldId="313"/>
            <ac:spMk id="6" creationId="{203142C7-24EA-1A46-B9BD-581FA7C45CFA}"/>
          </ac:spMkLst>
        </pc:spChg>
        <pc:spChg chg="add mod">
          <ac:chgData name="Daly Donnacha HSLU I" userId="0f22e960-400a-43ff-baeb-4828c8f5cd3a" providerId="ADAL" clId="{E97A8A5D-0FCA-E347-AB52-7B829F39BF62}" dt="2021-03-04T13:18:20.595" v="5706" actId="207"/>
          <ac:spMkLst>
            <pc:docMk/>
            <pc:sldMk cId="2838435821" sldId="313"/>
            <ac:spMk id="7" creationId="{17A7A1E7-DD2E-D24A-9ED2-E59AC26F6C5B}"/>
          </ac:spMkLst>
        </pc:spChg>
        <pc:spChg chg="add mod">
          <ac:chgData name="Daly Donnacha HSLU I" userId="0f22e960-400a-43ff-baeb-4828c8f5cd3a" providerId="ADAL" clId="{E97A8A5D-0FCA-E347-AB52-7B829F39BF62}" dt="2021-03-04T14:48:41.199" v="7712" actId="1035"/>
          <ac:spMkLst>
            <pc:docMk/>
            <pc:sldMk cId="2838435821" sldId="313"/>
            <ac:spMk id="8" creationId="{89B0368B-C66B-CE46-9845-D7190E5ACA24}"/>
          </ac:spMkLst>
        </pc:spChg>
        <pc:picChg chg="add del mod">
          <ac:chgData name="Daly Donnacha HSLU I" userId="0f22e960-400a-43ff-baeb-4828c8f5cd3a" providerId="ADAL" clId="{E97A8A5D-0FCA-E347-AB52-7B829F39BF62}" dt="2021-03-04T07:31:59.039" v="1864" actId="478"/>
          <ac:picMkLst>
            <pc:docMk/>
            <pc:sldMk cId="2838435821" sldId="313"/>
            <ac:picMk id="3" creationId="{BC999672-6168-0E44-ACEC-303805D4522D}"/>
          </ac:picMkLst>
        </pc:picChg>
        <pc:picChg chg="add mod">
          <ac:chgData name="Daly Donnacha HSLU I" userId="0f22e960-400a-43ff-baeb-4828c8f5cd3a" providerId="ADAL" clId="{E97A8A5D-0FCA-E347-AB52-7B829F39BF62}" dt="2021-03-04T14:47:50.110" v="7610" actId="1035"/>
          <ac:picMkLst>
            <pc:docMk/>
            <pc:sldMk cId="2838435821" sldId="313"/>
            <ac:picMk id="4" creationId="{02A911CE-EB89-3F49-8A2E-899DFEA2D36A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1730464718" sldId="314"/>
        </pc:sldMkLst>
      </pc:sldChg>
      <pc:sldChg chg="addSp delSp modSp add mod">
        <pc:chgData name="Daly Donnacha HSLU I" userId="0f22e960-400a-43ff-baeb-4828c8f5cd3a" providerId="ADAL" clId="{E97A8A5D-0FCA-E347-AB52-7B829F39BF62}" dt="2021-03-04T17:12:21.012" v="8923" actId="20577"/>
        <pc:sldMkLst>
          <pc:docMk/>
          <pc:sldMk cId="3661452517" sldId="314"/>
        </pc:sldMkLst>
        <pc:spChg chg="mod">
          <ac:chgData name="Daly Donnacha HSLU I" userId="0f22e960-400a-43ff-baeb-4828c8f5cd3a" providerId="ADAL" clId="{E97A8A5D-0FCA-E347-AB52-7B829F39BF62}" dt="2021-03-04T06:49:40.136" v="1145" actId="20577"/>
          <ac:spMkLst>
            <pc:docMk/>
            <pc:sldMk cId="3661452517" sldId="314"/>
            <ac:spMk id="2" creationId="{580C4649-222C-0943-8978-4267CD46F87F}"/>
          </ac:spMkLst>
        </pc:spChg>
        <pc:spChg chg="add mod">
          <ac:chgData name="Daly Donnacha HSLU I" userId="0f22e960-400a-43ff-baeb-4828c8f5cd3a" providerId="ADAL" clId="{E97A8A5D-0FCA-E347-AB52-7B829F39BF62}" dt="2021-03-04T08:05:51.307" v="2078" actId="14100"/>
          <ac:spMkLst>
            <pc:docMk/>
            <pc:sldMk cId="3661452517" sldId="314"/>
            <ac:spMk id="3" creationId="{DA1C84D6-C882-BF4B-BC8B-B0E40BEC90C8}"/>
          </ac:spMkLst>
        </pc:spChg>
        <pc:spChg chg="mod">
          <ac:chgData name="Daly Donnacha HSLU I" userId="0f22e960-400a-43ff-baeb-4828c8f5cd3a" providerId="ADAL" clId="{E97A8A5D-0FCA-E347-AB52-7B829F39BF62}" dt="2021-03-04T17:12:21.012" v="8923" actId="20577"/>
          <ac:spMkLst>
            <pc:docMk/>
            <pc:sldMk cId="3661452517" sldId="314"/>
            <ac:spMk id="4" creationId="{08104162-0A5A-C04E-A4E0-90895A085508}"/>
          </ac:spMkLst>
        </pc:spChg>
        <pc:spChg chg="add del mod">
          <ac:chgData name="Daly Donnacha HSLU I" userId="0f22e960-400a-43ff-baeb-4828c8f5cd3a" providerId="ADAL" clId="{E97A8A5D-0FCA-E347-AB52-7B829F39BF62}" dt="2021-03-04T07:36:51.993" v="1894" actId="478"/>
          <ac:spMkLst>
            <pc:docMk/>
            <pc:sldMk cId="3661452517" sldId="314"/>
            <ac:spMk id="6" creationId="{F9032962-D851-3D48-A35E-F4ED25791CC4}"/>
          </ac:spMkLst>
        </pc:spChg>
        <pc:picChg chg="add del mod">
          <ac:chgData name="Daly Donnacha HSLU I" userId="0f22e960-400a-43ff-baeb-4828c8f5cd3a" providerId="ADAL" clId="{E97A8A5D-0FCA-E347-AB52-7B829F39BF62}" dt="2021-03-04T07:23:02.276" v="1824" actId="478"/>
          <ac:picMkLst>
            <pc:docMk/>
            <pc:sldMk cId="3661452517" sldId="314"/>
            <ac:picMk id="5" creationId="{C5445CE5-CC23-FE4B-97F8-F20289D8EDC4}"/>
          </ac:picMkLst>
        </pc:picChg>
        <pc:picChg chg="add mod">
          <ac:chgData name="Daly Donnacha HSLU I" userId="0f22e960-400a-43ff-baeb-4828c8f5cd3a" providerId="ADAL" clId="{E97A8A5D-0FCA-E347-AB52-7B829F39BF62}" dt="2021-03-04T08:04:56.657" v="2071" actId="14100"/>
          <ac:picMkLst>
            <pc:docMk/>
            <pc:sldMk cId="3661452517" sldId="314"/>
            <ac:picMk id="8194" creationId="{78325767-FFB3-694C-A308-80804D9AF592}"/>
          </ac:picMkLst>
        </pc:picChg>
      </pc:sldChg>
      <pc:sldChg chg="addSp delSp modSp new mod">
        <pc:chgData name="Daly Donnacha HSLU I" userId="0f22e960-400a-43ff-baeb-4828c8f5cd3a" providerId="ADAL" clId="{E97A8A5D-0FCA-E347-AB52-7B829F39BF62}" dt="2021-03-04T14:54:11.919" v="7839" actId="20577"/>
        <pc:sldMkLst>
          <pc:docMk/>
          <pc:sldMk cId="1872855551" sldId="315"/>
        </pc:sldMkLst>
        <pc:spChg chg="mod">
          <ac:chgData name="Daly Donnacha HSLU I" userId="0f22e960-400a-43ff-baeb-4828c8f5cd3a" providerId="ADAL" clId="{E97A8A5D-0FCA-E347-AB52-7B829F39BF62}" dt="2021-03-04T14:54:11.919" v="7839" actId="20577"/>
          <ac:spMkLst>
            <pc:docMk/>
            <pc:sldMk cId="1872855551" sldId="315"/>
            <ac:spMk id="2" creationId="{34CFC05A-5BA7-DF45-A8C9-31C1B0F491D0}"/>
          </ac:spMkLst>
        </pc:spChg>
        <pc:spChg chg="add del mod">
          <ac:chgData name="Daly Donnacha HSLU I" userId="0f22e960-400a-43ff-baeb-4828c8f5cd3a" providerId="ADAL" clId="{E97A8A5D-0FCA-E347-AB52-7B829F39BF62}" dt="2021-03-04T07:23:26.923" v="1827"/>
          <ac:spMkLst>
            <pc:docMk/>
            <pc:sldMk cId="1872855551" sldId="315"/>
            <ac:spMk id="3" creationId="{997B13C6-6119-2E44-9A42-1A224BC55D63}"/>
          </ac:spMkLst>
        </pc:spChg>
        <pc:spChg chg="add del mod">
          <ac:chgData name="Daly Donnacha HSLU I" userId="0f22e960-400a-43ff-baeb-4828c8f5cd3a" providerId="ADAL" clId="{E97A8A5D-0FCA-E347-AB52-7B829F39BF62}" dt="2021-03-04T14:01:38.766" v="6103" actId="478"/>
          <ac:spMkLst>
            <pc:docMk/>
            <pc:sldMk cId="1872855551" sldId="315"/>
            <ac:spMk id="5" creationId="{262188EA-7A02-EA48-92F0-DD81C74F43EF}"/>
          </ac:spMkLst>
        </pc:spChg>
        <pc:spChg chg="add del mod">
          <ac:chgData name="Daly Donnacha HSLU I" userId="0f22e960-400a-43ff-baeb-4828c8f5cd3a" providerId="ADAL" clId="{E97A8A5D-0FCA-E347-AB52-7B829F39BF62}" dt="2021-03-04T14:09:24.337" v="6183" actId="478"/>
          <ac:spMkLst>
            <pc:docMk/>
            <pc:sldMk cId="1872855551" sldId="315"/>
            <ac:spMk id="7" creationId="{D86C4E53-2CD8-A94F-8E66-8001C0A5FBA6}"/>
          </ac:spMkLst>
        </pc:spChg>
        <pc:spChg chg="add del mod">
          <ac:chgData name="Daly Donnacha HSLU I" userId="0f22e960-400a-43ff-baeb-4828c8f5cd3a" providerId="ADAL" clId="{E97A8A5D-0FCA-E347-AB52-7B829F39BF62}" dt="2021-03-04T14:04:02.982" v="6105" actId="478"/>
          <ac:spMkLst>
            <pc:docMk/>
            <pc:sldMk cId="1872855551" sldId="315"/>
            <ac:spMk id="9" creationId="{E7FB32B3-BABD-8F48-B1DE-630E3E9D4DBC}"/>
          </ac:spMkLst>
        </pc:spChg>
        <pc:spChg chg="add mod">
          <ac:chgData name="Daly Donnacha HSLU I" userId="0f22e960-400a-43ff-baeb-4828c8f5cd3a" providerId="ADAL" clId="{E97A8A5D-0FCA-E347-AB52-7B829F39BF62}" dt="2021-03-04T14:10:10.835" v="6193" actId="1076"/>
          <ac:spMkLst>
            <pc:docMk/>
            <pc:sldMk cId="1872855551" sldId="315"/>
            <ac:spMk id="11" creationId="{295A7D44-FF0E-DC47-AF4A-B7A1DFFEC2C4}"/>
          </ac:spMkLst>
        </pc:spChg>
        <pc:graphicFrameChg chg="add del mod">
          <ac:chgData name="Daly Donnacha HSLU I" userId="0f22e960-400a-43ff-baeb-4828c8f5cd3a" providerId="ADAL" clId="{E97A8A5D-0FCA-E347-AB52-7B829F39BF62}" dt="2021-03-04T14:01:38.766" v="6103" actId="478"/>
          <ac:graphicFrameMkLst>
            <pc:docMk/>
            <pc:sldMk cId="1872855551" sldId="315"/>
            <ac:graphicFrameMk id="6" creationId="{BFC46A4A-06D4-FA43-9D0C-3F8B820B42FD}"/>
          </ac:graphicFrameMkLst>
        </pc:graphicFrameChg>
        <pc:picChg chg="add del mod">
          <ac:chgData name="Daly Donnacha HSLU I" userId="0f22e960-400a-43ff-baeb-4828c8f5cd3a" providerId="ADAL" clId="{E97A8A5D-0FCA-E347-AB52-7B829F39BF62}" dt="2021-03-04T07:25:50.322" v="1833" actId="478"/>
          <ac:picMkLst>
            <pc:docMk/>
            <pc:sldMk cId="1872855551" sldId="315"/>
            <ac:picMk id="4" creationId="{DE831A5C-12CD-674D-9ED5-FB54707647F7}"/>
          </ac:picMkLst>
        </pc:picChg>
        <pc:picChg chg="add del mod">
          <ac:chgData name="Daly Donnacha HSLU I" userId="0f22e960-400a-43ff-baeb-4828c8f5cd3a" providerId="ADAL" clId="{E97A8A5D-0FCA-E347-AB52-7B829F39BF62}" dt="2021-03-04T14:09:21.162" v="6182" actId="478"/>
          <ac:picMkLst>
            <pc:docMk/>
            <pc:sldMk cId="1872855551" sldId="315"/>
            <ac:picMk id="8" creationId="{08F35A33-4C07-3A4D-BE70-742CF2A86D3A}"/>
          </ac:picMkLst>
        </pc:picChg>
        <pc:picChg chg="add mod">
          <ac:chgData name="Daly Donnacha HSLU I" userId="0f22e960-400a-43ff-baeb-4828c8f5cd3a" providerId="ADAL" clId="{E97A8A5D-0FCA-E347-AB52-7B829F39BF62}" dt="2021-03-04T14:11:13.147" v="6211" actId="1076"/>
          <ac:picMkLst>
            <pc:docMk/>
            <pc:sldMk cId="1872855551" sldId="315"/>
            <ac:picMk id="10" creationId="{3587E0B4-3F44-894C-9367-194F17E122B9}"/>
          </ac:picMkLst>
        </pc:picChg>
        <pc:picChg chg="add del mod">
          <ac:chgData name="Daly Donnacha HSLU I" userId="0f22e960-400a-43ff-baeb-4828c8f5cd3a" providerId="ADAL" clId="{E97A8A5D-0FCA-E347-AB52-7B829F39BF62}" dt="2021-03-04T14:17:29.851" v="6390" actId="21"/>
          <ac:picMkLst>
            <pc:docMk/>
            <pc:sldMk cId="1872855551" sldId="315"/>
            <ac:picMk id="9218" creationId="{17EA2786-A679-6941-9F42-31EFB748A904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711309459" sldId="315"/>
        </pc:sldMkLst>
      </pc:sldChg>
      <pc:sldChg chg="addSp modSp new mod">
        <pc:chgData name="Daly Donnacha HSLU I" userId="0f22e960-400a-43ff-baeb-4828c8f5cd3a" providerId="ADAL" clId="{E97A8A5D-0FCA-E347-AB52-7B829F39BF62}" dt="2021-03-04T14:12:50.906" v="6309" actId="20577"/>
        <pc:sldMkLst>
          <pc:docMk/>
          <pc:sldMk cId="3148079561" sldId="316"/>
        </pc:sldMkLst>
        <pc:spChg chg="mod">
          <ac:chgData name="Daly Donnacha HSLU I" userId="0f22e960-400a-43ff-baeb-4828c8f5cd3a" providerId="ADAL" clId="{E97A8A5D-0FCA-E347-AB52-7B829F39BF62}" dt="2021-03-04T14:12:50.906" v="6309" actId="20577"/>
          <ac:spMkLst>
            <pc:docMk/>
            <pc:sldMk cId="3148079561" sldId="316"/>
            <ac:spMk id="2" creationId="{D6637EC2-3E47-C343-A6D8-239282F604D7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4" creationId="{CACF012D-F7DF-FF4B-83FD-A54952630017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5" creationId="{075EDEB3-0CF7-C142-BD0E-3B9394C7F3A4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6" creationId="{9B6EFF7D-BCF3-8C42-9410-D4622330CF05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7" creationId="{FD8F89CB-3141-2D41-B026-1CF6D0DC9923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8" creationId="{E2E76E3C-68B2-064C-BF26-8B86FAE3990E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9" creationId="{217DE2AB-AC71-844E-8254-9B1C15123D48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10" creationId="{CF4FDA57-B207-DD43-BF28-757CFF81CE93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11" creationId="{9D3ED892-B1E6-314A-BBB7-BB4564C081CA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12" creationId="{FB402865-059F-C941-8897-B4E1D76D5FEE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13" creationId="{DF3B7143-C225-174C-B6A1-AB35E53D7780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14" creationId="{8F4F943C-D186-C244-8458-3103DEB8BC2A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15" creationId="{B50338FC-564B-F04F-874E-10E4770FC267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16" creationId="{B3BAAF2C-BB3D-E74F-92C6-33B1AE95B261}"/>
          </ac:spMkLst>
        </pc:spChg>
        <pc:spChg chg="add mod">
          <ac:chgData name="Daly Donnacha HSLU I" userId="0f22e960-400a-43ff-baeb-4828c8f5cd3a" providerId="ADAL" clId="{E97A8A5D-0FCA-E347-AB52-7B829F39BF62}" dt="2021-03-04T07:34:28.504" v="1881"/>
          <ac:spMkLst>
            <pc:docMk/>
            <pc:sldMk cId="3148079561" sldId="316"/>
            <ac:spMk id="17" creationId="{49C3C77A-A639-EA4E-84D0-03A45FA75758}"/>
          </ac:spMkLst>
        </pc:spChg>
        <pc:picChg chg="add mod">
          <ac:chgData name="Daly Donnacha HSLU I" userId="0f22e960-400a-43ff-baeb-4828c8f5cd3a" providerId="ADAL" clId="{E97A8A5D-0FCA-E347-AB52-7B829F39BF62}" dt="2021-03-04T07:34:28.504" v="1881"/>
          <ac:picMkLst>
            <pc:docMk/>
            <pc:sldMk cId="3148079561" sldId="316"/>
            <ac:picMk id="3" creationId="{564756B0-90C9-A14B-9D30-6F51565E74E1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685382678" sldId="316"/>
        </pc:sldMkLst>
      </pc:sldChg>
      <pc:sldChg chg="addSp modSp new mod">
        <pc:chgData name="Daly Donnacha HSLU I" userId="0f22e960-400a-43ff-baeb-4828c8f5cd3a" providerId="ADAL" clId="{E97A8A5D-0FCA-E347-AB52-7B829F39BF62}" dt="2021-03-04T14:13:32.091" v="6383" actId="20577"/>
        <pc:sldMkLst>
          <pc:docMk/>
          <pc:sldMk cId="1442350549" sldId="317"/>
        </pc:sldMkLst>
        <pc:spChg chg="mod">
          <ac:chgData name="Daly Donnacha HSLU I" userId="0f22e960-400a-43ff-baeb-4828c8f5cd3a" providerId="ADAL" clId="{E97A8A5D-0FCA-E347-AB52-7B829F39BF62}" dt="2021-03-04T14:13:32.091" v="6383" actId="20577"/>
          <ac:spMkLst>
            <pc:docMk/>
            <pc:sldMk cId="1442350549" sldId="317"/>
            <ac:spMk id="2" creationId="{9D6A1E66-F62D-7943-A7D9-13F1AAECAE60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3" creationId="{8AD70F1F-500F-B743-ACF4-5E2C75C0B330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4" creationId="{C44B19F6-DF1D-2B4F-B4F9-29005839A519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5" creationId="{9A432E49-4CA1-7541-B380-2EC6186A3D50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6" creationId="{851D52FC-97E0-264A-AC1C-C69E7091D93E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7" creationId="{3C0C750F-54DB-2347-83C5-83DCF513BD06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8" creationId="{57317121-2AF3-DC4A-BD58-DC19440DFADF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9" creationId="{F9C81CC8-CD31-F04E-94BA-4D4E068954BA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10" creationId="{45F0F087-5421-7143-AA35-FF4065D4CBD6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11" creationId="{11157968-301E-254C-A399-C35558EC39A1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13" creationId="{52EF559E-39F1-704D-A45B-941D41487430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17" creationId="{6E9DEED8-0937-0143-91CF-C2BA8CE1C284}"/>
          </ac:spMkLst>
        </pc:spChg>
        <pc:spChg chg="add mod">
          <ac:chgData name="Daly Donnacha HSLU I" userId="0f22e960-400a-43ff-baeb-4828c8f5cd3a" providerId="ADAL" clId="{E97A8A5D-0FCA-E347-AB52-7B829F39BF62}" dt="2021-03-04T07:35:14.673" v="1883"/>
          <ac:spMkLst>
            <pc:docMk/>
            <pc:sldMk cId="1442350549" sldId="317"/>
            <ac:spMk id="18" creationId="{4C01BA71-0083-8345-ABA3-05F5878B5F96}"/>
          </ac:spMkLst>
        </pc:spChg>
        <pc:picChg chg="add mod">
          <ac:chgData name="Daly Donnacha HSLU I" userId="0f22e960-400a-43ff-baeb-4828c8f5cd3a" providerId="ADAL" clId="{E97A8A5D-0FCA-E347-AB52-7B829F39BF62}" dt="2021-03-04T07:35:14.673" v="1883"/>
          <ac:picMkLst>
            <pc:docMk/>
            <pc:sldMk cId="1442350549" sldId="317"/>
            <ac:picMk id="12" creationId="{CF422B8E-EF8E-634F-9095-71DE01605237}"/>
          </ac:picMkLst>
        </pc:picChg>
        <pc:picChg chg="add mod">
          <ac:chgData name="Daly Donnacha HSLU I" userId="0f22e960-400a-43ff-baeb-4828c8f5cd3a" providerId="ADAL" clId="{E97A8A5D-0FCA-E347-AB52-7B829F39BF62}" dt="2021-03-04T07:35:14.673" v="1883"/>
          <ac:picMkLst>
            <pc:docMk/>
            <pc:sldMk cId="1442350549" sldId="317"/>
            <ac:picMk id="14" creationId="{11B7D381-55DC-0149-A2BC-A632446DD797}"/>
          </ac:picMkLst>
        </pc:picChg>
        <pc:picChg chg="add mod">
          <ac:chgData name="Daly Donnacha HSLU I" userId="0f22e960-400a-43ff-baeb-4828c8f5cd3a" providerId="ADAL" clId="{E97A8A5D-0FCA-E347-AB52-7B829F39BF62}" dt="2021-03-04T07:35:14.673" v="1883"/>
          <ac:picMkLst>
            <pc:docMk/>
            <pc:sldMk cId="1442350549" sldId="317"/>
            <ac:picMk id="15" creationId="{83B3EA7E-B960-A042-8C0C-606A0F515A0B}"/>
          </ac:picMkLst>
        </pc:picChg>
        <pc:picChg chg="add mod">
          <ac:chgData name="Daly Donnacha HSLU I" userId="0f22e960-400a-43ff-baeb-4828c8f5cd3a" providerId="ADAL" clId="{E97A8A5D-0FCA-E347-AB52-7B829F39BF62}" dt="2021-03-04T07:35:14.673" v="1883"/>
          <ac:picMkLst>
            <pc:docMk/>
            <pc:sldMk cId="1442350549" sldId="317"/>
            <ac:picMk id="16" creationId="{4F9E256B-6553-FD42-BBD6-132909B01A3B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233547594" sldId="317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90814158" sldId="318"/>
        </pc:sldMkLst>
      </pc:sldChg>
      <pc:sldChg chg="addSp modSp new mod ord">
        <pc:chgData name="Daly Donnacha HSLU I" userId="0f22e960-400a-43ff-baeb-4828c8f5cd3a" providerId="ADAL" clId="{E97A8A5D-0FCA-E347-AB52-7B829F39BF62}" dt="2021-03-04T14:53:13.141" v="7797" actId="20577"/>
        <pc:sldMkLst>
          <pc:docMk/>
          <pc:sldMk cId="226002921" sldId="318"/>
        </pc:sldMkLst>
        <pc:spChg chg="mod">
          <ac:chgData name="Daly Donnacha HSLU I" userId="0f22e960-400a-43ff-baeb-4828c8f5cd3a" providerId="ADAL" clId="{E97A8A5D-0FCA-E347-AB52-7B829F39BF62}" dt="2021-03-04T14:53:13.141" v="7797" actId="20577"/>
          <ac:spMkLst>
            <pc:docMk/>
            <pc:sldMk cId="226002921" sldId="318"/>
            <ac:spMk id="2" creationId="{FA0CC784-7678-034A-BE2F-F3BB4D4346C9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3" creationId="{F6B12B1E-8655-2747-A539-46DF684BDAE0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4" creationId="{0D074BC1-2106-AB48-A487-F85D736DE705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5" creationId="{949C77A3-8C76-D544-A6EC-CCD0C3537493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6" creationId="{5530BBA3-142B-0C4A-BD34-6B2D5C7906CE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7" creationId="{04DE9355-D9EE-B243-902D-43FBC056BD3D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8" creationId="{BC24CC3E-54A7-584B-AD82-BF23B37BC907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9" creationId="{CB4C02B8-CB18-8644-A92A-7FC5F3DF35C1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10" creationId="{FC6BBB8A-07D9-034F-A489-B500567F0C4F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11" creationId="{1EECA351-7563-314F-8D3D-383A99125848}"/>
          </ac:spMkLst>
        </pc:spChg>
        <pc:spChg chg="add mod">
          <ac:chgData name="Daly Donnacha HSLU I" userId="0f22e960-400a-43ff-baeb-4828c8f5cd3a" providerId="ADAL" clId="{E97A8A5D-0FCA-E347-AB52-7B829F39BF62}" dt="2021-03-04T07:35:32.511" v="1885"/>
          <ac:spMkLst>
            <pc:docMk/>
            <pc:sldMk cId="226002921" sldId="318"/>
            <ac:spMk id="16" creationId="{C845B9A4-384D-064D-A014-18278A11C1BE}"/>
          </ac:spMkLst>
        </pc:spChg>
        <pc:picChg chg="add mod">
          <ac:chgData name="Daly Donnacha HSLU I" userId="0f22e960-400a-43ff-baeb-4828c8f5cd3a" providerId="ADAL" clId="{E97A8A5D-0FCA-E347-AB52-7B829F39BF62}" dt="2021-03-04T07:35:32.511" v="1885"/>
          <ac:picMkLst>
            <pc:docMk/>
            <pc:sldMk cId="226002921" sldId="318"/>
            <ac:picMk id="12" creationId="{453E9DA7-B510-EE4B-B4DA-95BB4D8C54AC}"/>
          </ac:picMkLst>
        </pc:picChg>
        <pc:picChg chg="add mod">
          <ac:chgData name="Daly Donnacha HSLU I" userId="0f22e960-400a-43ff-baeb-4828c8f5cd3a" providerId="ADAL" clId="{E97A8A5D-0FCA-E347-AB52-7B829F39BF62}" dt="2021-03-04T07:35:32.511" v="1885"/>
          <ac:picMkLst>
            <pc:docMk/>
            <pc:sldMk cId="226002921" sldId="318"/>
            <ac:picMk id="13" creationId="{34E6FE90-C9DF-FE49-AE5F-71FA790F5DA9}"/>
          </ac:picMkLst>
        </pc:picChg>
        <pc:picChg chg="add mod">
          <ac:chgData name="Daly Donnacha HSLU I" userId="0f22e960-400a-43ff-baeb-4828c8f5cd3a" providerId="ADAL" clId="{E97A8A5D-0FCA-E347-AB52-7B829F39BF62}" dt="2021-03-04T07:35:32.511" v="1885"/>
          <ac:picMkLst>
            <pc:docMk/>
            <pc:sldMk cId="226002921" sldId="318"/>
            <ac:picMk id="14" creationId="{46255F03-F890-F24F-A3B6-4B6CD460F16D}"/>
          </ac:picMkLst>
        </pc:picChg>
        <pc:picChg chg="add mod">
          <ac:chgData name="Daly Donnacha HSLU I" userId="0f22e960-400a-43ff-baeb-4828c8f5cd3a" providerId="ADAL" clId="{E97A8A5D-0FCA-E347-AB52-7B829F39BF62}" dt="2021-03-04T07:35:32.511" v="1885"/>
          <ac:picMkLst>
            <pc:docMk/>
            <pc:sldMk cId="226002921" sldId="318"/>
            <ac:picMk id="15" creationId="{E38C20E7-3BA3-5F4C-8245-606E1514EC43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2909760824" sldId="319"/>
        </pc:sldMkLst>
      </pc:sldChg>
      <pc:sldChg chg="addSp delSp modSp new del mod ord">
        <pc:chgData name="Daly Donnacha HSLU I" userId="0f22e960-400a-43ff-baeb-4828c8f5cd3a" providerId="ADAL" clId="{E97A8A5D-0FCA-E347-AB52-7B829F39BF62}" dt="2021-03-04T14:45:36.682" v="7554" actId="2696"/>
        <pc:sldMkLst>
          <pc:docMk/>
          <pc:sldMk cId="4249697355" sldId="319"/>
        </pc:sldMkLst>
        <pc:spChg chg="mod">
          <ac:chgData name="Daly Donnacha HSLU I" userId="0f22e960-400a-43ff-baeb-4828c8f5cd3a" providerId="ADAL" clId="{E97A8A5D-0FCA-E347-AB52-7B829F39BF62}" dt="2021-03-04T14:25:52.350" v="6552" actId="20577"/>
          <ac:spMkLst>
            <pc:docMk/>
            <pc:sldMk cId="4249697355" sldId="319"/>
            <ac:spMk id="2" creationId="{6E97461B-6EBE-A640-81CC-6B490131A6E9}"/>
          </ac:spMkLst>
        </pc:spChg>
        <pc:spChg chg="add mod">
          <ac:chgData name="Daly Donnacha HSLU I" userId="0f22e960-400a-43ff-baeb-4828c8f5cd3a" providerId="ADAL" clId="{E97A8A5D-0FCA-E347-AB52-7B829F39BF62}" dt="2021-03-04T07:48:43.502" v="1937"/>
          <ac:spMkLst>
            <pc:docMk/>
            <pc:sldMk cId="4249697355" sldId="319"/>
            <ac:spMk id="5" creationId="{5C2A14EF-3A16-3449-8DC6-E12AE84240CF}"/>
          </ac:spMkLst>
        </pc:spChg>
        <pc:spChg chg="add del mod">
          <ac:chgData name="Daly Donnacha HSLU I" userId="0f22e960-400a-43ff-baeb-4828c8f5cd3a" providerId="ADAL" clId="{E97A8A5D-0FCA-E347-AB52-7B829F39BF62}" dt="2021-03-04T14:24:47.199" v="6513" actId="478"/>
          <ac:spMkLst>
            <pc:docMk/>
            <pc:sldMk cId="4249697355" sldId="319"/>
            <ac:spMk id="6" creationId="{316CF8F8-5472-4A40-9477-90F2F0A88690}"/>
          </ac:spMkLst>
        </pc:spChg>
        <pc:spChg chg="add mod">
          <ac:chgData name="Daly Donnacha HSLU I" userId="0f22e960-400a-43ff-baeb-4828c8f5cd3a" providerId="ADAL" clId="{E97A8A5D-0FCA-E347-AB52-7B829F39BF62}" dt="2021-03-04T14:27:42.863" v="6602" actId="20577"/>
          <ac:spMkLst>
            <pc:docMk/>
            <pc:sldMk cId="4249697355" sldId="319"/>
            <ac:spMk id="7" creationId="{CD6DA4E5-FC28-5247-8BC1-0CFF6FAD29A5}"/>
          </ac:spMkLst>
        </pc:spChg>
        <pc:picChg chg="add del mod modCrop">
          <ac:chgData name="Daly Donnacha HSLU I" userId="0f22e960-400a-43ff-baeb-4828c8f5cd3a" providerId="ADAL" clId="{E97A8A5D-0FCA-E347-AB52-7B829F39BF62}" dt="2021-03-04T14:26:00.550" v="6553" actId="478"/>
          <ac:picMkLst>
            <pc:docMk/>
            <pc:sldMk cId="4249697355" sldId="319"/>
            <ac:picMk id="3" creationId="{18529416-708C-7549-89B8-F59A649D2E7B}"/>
          </ac:picMkLst>
        </pc:picChg>
        <pc:picChg chg="add mod">
          <ac:chgData name="Daly Donnacha HSLU I" userId="0f22e960-400a-43ff-baeb-4828c8f5cd3a" providerId="ADAL" clId="{E97A8A5D-0FCA-E347-AB52-7B829F39BF62}" dt="2021-03-04T14:26:06.677" v="6556" actId="14100"/>
          <ac:picMkLst>
            <pc:docMk/>
            <pc:sldMk cId="4249697355" sldId="319"/>
            <ac:picMk id="4" creationId="{9F27A27F-FE9D-0D43-9644-86C6B868BF63}"/>
          </ac:picMkLst>
        </pc:picChg>
      </pc:sldChg>
      <pc:sldChg chg="addSp modSp new mod ord">
        <pc:chgData name="Daly Donnacha HSLU I" userId="0f22e960-400a-43ff-baeb-4828c8f5cd3a" providerId="ADAL" clId="{E97A8A5D-0FCA-E347-AB52-7B829F39BF62}" dt="2021-03-04T14:54:50.040" v="7855" actId="6549"/>
        <pc:sldMkLst>
          <pc:docMk/>
          <pc:sldMk cId="590206464" sldId="320"/>
        </pc:sldMkLst>
        <pc:spChg chg="mod">
          <ac:chgData name="Daly Donnacha HSLU I" userId="0f22e960-400a-43ff-baeb-4828c8f5cd3a" providerId="ADAL" clId="{E97A8A5D-0FCA-E347-AB52-7B829F39BF62}" dt="2021-03-04T14:54:50.040" v="7855" actId="6549"/>
          <ac:spMkLst>
            <pc:docMk/>
            <pc:sldMk cId="590206464" sldId="320"/>
            <ac:spMk id="2" creationId="{9360114B-DDB5-4B4A-B6B5-3000C03D9BD7}"/>
          </ac:spMkLst>
        </pc:spChg>
        <pc:spChg chg="add mod">
          <ac:chgData name="Daly Donnacha HSLU I" userId="0f22e960-400a-43ff-baeb-4828c8f5cd3a" providerId="ADAL" clId="{E97A8A5D-0FCA-E347-AB52-7B829F39BF62}" dt="2021-03-04T07:55:21.631" v="1940"/>
          <ac:spMkLst>
            <pc:docMk/>
            <pc:sldMk cId="590206464" sldId="320"/>
            <ac:spMk id="3" creationId="{2F648E85-7FDB-D740-8318-84FC5F495F94}"/>
          </ac:spMkLst>
        </pc:spChg>
        <pc:spChg chg="add mod">
          <ac:chgData name="Daly Donnacha HSLU I" userId="0f22e960-400a-43ff-baeb-4828c8f5cd3a" providerId="ADAL" clId="{E97A8A5D-0FCA-E347-AB52-7B829F39BF62}" dt="2021-03-04T14:49:40.121" v="7715" actId="1035"/>
          <ac:spMkLst>
            <pc:docMk/>
            <pc:sldMk cId="590206464" sldId="320"/>
            <ac:spMk id="4" creationId="{E69414BC-3D47-AA47-B0B1-8AAA425A5E6E}"/>
          </ac:spMkLst>
        </pc:spChg>
        <pc:spChg chg="add mod">
          <ac:chgData name="Daly Donnacha HSLU I" userId="0f22e960-400a-43ff-baeb-4828c8f5cd3a" providerId="ADAL" clId="{E97A8A5D-0FCA-E347-AB52-7B829F39BF62}" dt="2021-03-04T14:49:40.121" v="7715" actId="1035"/>
          <ac:spMkLst>
            <pc:docMk/>
            <pc:sldMk cId="590206464" sldId="320"/>
            <ac:spMk id="5" creationId="{5BE85EF8-97BF-7D41-BF2B-5612AF4B0EA7}"/>
          </ac:spMkLst>
        </pc:spChg>
        <pc:spChg chg="add mod">
          <ac:chgData name="Daly Donnacha HSLU I" userId="0f22e960-400a-43ff-baeb-4828c8f5cd3a" providerId="ADAL" clId="{E97A8A5D-0FCA-E347-AB52-7B829F39BF62}" dt="2021-03-04T14:49:40.121" v="7715" actId="1035"/>
          <ac:spMkLst>
            <pc:docMk/>
            <pc:sldMk cId="590206464" sldId="320"/>
            <ac:spMk id="6" creationId="{3C7AFC81-A164-2E4B-B527-4037598B50BA}"/>
          </ac:spMkLst>
        </pc:spChg>
        <pc:spChg chg="add mod">
          <ac:chgData name="Daly Donnacha HSLU I" userId="0f22e960-400a-43ff-baeb-4828c8f5cd3a" providerId="ADAL" clId="{E97A8A5D-0FCA-E347-AB52-7B829F39BF62}" dt="2021-03-04T14:49:40.121" v="7715" actId="1035"/>
          <ac:spMkLst>
            <pc:docMk/>
            <pc:sldMk cId="590206464" sldId="320"/>
            <ac:spMk id="7" creationId="{5E13E536-5600-C643-A70E-3402062B640D}"/>
          </ac:spMkLst>
        </pc:spChg>
        <pc:spChg chg="add mod">
          <ac:chgData name="Daly Donnacha HSLU I" userId="0f22e960-400a-43ff-baeb-4828c8f5cd3a" providerId="ADAL" clId="{E97A8A5D-0FCA-E347-AB52-7B829F39BF62}" dt="2021-03-04T14:49:40.121" v="7715" actId="1035"/>
          <ac:spMkLst>
            <pc:docMk/>
            <pc:sldMk cId="590206464" sldId="320"/>
            <ac:spMk id="8" creationId="{3A670590-DDB1-274E-8C22-870471011BB7}"/>
          </ac:spMkLst>
        </pc:spChg>
        <pc:spChg chg="add mod">
          <ac:chgData name="Daly Donnacha HSLU I" userId="0f22e960-400a-43ff-baeb-4828c8f5cd3a" providerId="ADAL" clId="{E97A8A5D-0FCA-E347-AB52-7B829F39BF62}" dt="2021-03-04T14:49:40.121" v="7715" actId="1035"/>
          <ac:spMkLst>
            <pc:docMk/>
            <pc:sldMk cId="590206464" sldId="320"/>
            <ac:spMk id="9" creationId="{22173789-C6E5-8941-9BE0-FD73370B5A9A}"/>
          </ac:spMkLst>
        </pc:spChg>
        <pc:picChg chg="add mod">
          <ac:chgData name="Daly Donnacha HSLU I" userId="0f22e960-400a-43ff-baeb-4828c8f5cd3a" providerId="ADAL" clId="{E97A8A5D-0FCA-E347-AB52-7B829F39BF62}" dt="2021-03-04T14:49:40.121" v="7715" actId="1035"/>
          <ac:picMkLst>
            <pc:docMk/>
            <pc:sldMk cId="590206464" sldId="320"/>
            <ac:picMk id="10" creationId="{407100BB-21BF-F641-93F3-850893EC9D41}"/>
          </ac:picMkLst>
        </pc:picChg>
        <pc:picChg chg="add mod">
          <ac:chgData name="Daly Donnacha HSLU I" userId="0f22e960-400a-43ff-baeb-4828c8f5cd3a" providerId="ADAL" clId="{E97A8A5D-0FCA-E347-AB52-7B829F39BF62}" dt="2021-03-04T14:49:40.121" v="7715" actId="1035"/>
          <ac:picMkLst>
            <pc:docMk/>
            <pc:sldMk cId="590206464" sldId="320"/>
            <ac:picMk id="11" creationId="{F11E6666-29E6-B747-B051-4D551C31933A}"/>
          </ac:picMkLst>
        </pc:picChg>
        <pc:picChg chg="add mod">
          <ac:chgData name="Daly Donnacha HSLU I" userId="0f22e960-400a-43ff-baeb-4828c8f5cd3a" providerId="ADAL" clId="{E97A8A5D-0FCA-E347-AB52-7B829F39BF62}" dt="2021-03-04T14:49:40.121" v="7715" actId="1035"/>
          <ac:picMkLst>
            <pc:docMk/>
            <pc:sldMk cId="590206464" sldId="320"/>
            <ac:picMk id="12" creationId="{5874D9BB-64B1-A947-A4BA-118549E6C01A}"/>
          </ac:picMkLst>
        </pc:picChg>
        <pc:picChg chg="add mod">
          <ac:chgData name="Daly Donnacha HSLU I" userId="0f22e960-400a-43ff-baeb-4828c8f5cd3a" providerId="ADAL" clId="{E97A8A5D-0FCA-E347-AB52-7B829F39BF62}" dt="2021-03-04T14:49:40.121" v="7715" actId="1035"/>
          <ac:picMkLst>
            <pc:docMk/>
            <pc:sldMk cId="590206464" sldId="320"/>
            <ac:picMk id="13" creationId="{A3C9E33E-16E7-5A4C-88C1-9922FF32A81F}"/>
          </ac:picMkLst>
        </pc:picChg>
        <pc:picChg chg="add mod">
          <ac:chgData name="Daly Donnacha HSLU I" userId="0f22e960-400a-43ff-baeb-4828c8f5cd3a" providerId="ADAL" clId="{E97A8A5D-0FCA-E347-AB52-7B829F39BF62}" dt="2021-03-04T14:49:40.121" v="7715" actId="1035"/>
          <ac:picMkLst>
            <pc:docMk/>
            <pc:sldMk cId="590206464" sldId="320"/>
            <ac:picMk id="14" creationId="{4A53CFFC-A896-6E4B-BC32-DC34899C4972}"/>
          </ac:picMkLst>
        </pc:picChg>
        <pc:picChg chg="add mod">
          <ac:chgData name="Daly Donnacha HSLU I" userId="0f22e960-400a-43ff-baeb-4828c8f5cd3a" providerId="ADAL" clId="{E97A8A5D-0FCA-E347-AB52-7B829F39BF62}" dt="2021-03-04T14:49:40.121" v="7715" actId="1035"/>
          <ac:picMkLst>
            <pc:docMk/>
            <pc:sldMk cId="590206464" sldId="320"/>
            <ac:picMk id="15" creationId="{DCD3017D-7F48-3F48-83D0-A6AEF0CE2FB8}"/>
          </ac:picMkLst>
        </pc:picChg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3143922008" sldId="320"/>
        </pc:sldMkLst>
      </pc:sldChg>
      <pc:sldChg chg="del">
        <pc:chgData name="Daly Donnacha HSLU I" userId="0f22e960-400a-43ff-baeb-4828c8f5cd3a" providerId="ADAL" clId="{E97A8A5D-0FCA-E347-AB52-7B829F39BF62}" dt="2021-03-04T05:48:05.773" v="129" actId="2696"/>
        <pc:sldMkLst>
          <pc:docMk/>
          <pc:sldMk cId="1546253548" sldId="321"/>
        </pc:sldMkLst>
      </pc:sldChg>
      <pc:sldChg chg="addSp modSp new mod">
        <pc:chgData name="Daly Donnacha HSLU I" userId="0f22e960-400a-43ff-baeb-4828c8f5cd3a" providerId="ADAL" clId="{E97A8A5D-0FCA-E347-AB52-7B829F39BF62}" dt="2021-03-04T14:23:53.865" v="6511" actId="313"/>
        <pc:sldMkLst>
          <pc:docMk/>
          <pc:sldMk cId="2293817731" sldId="321"/>
        </pc:sldMkLst>
        <pc:spChg chg="mod">
          <ac:chgData name="Daly Donnacha HSLU I" userId="0f22e960-400a-43ff-baeb-4828c8f5cd3a" providerId="ADAL" clId="{E97A8A5D-0FCA-E347-AB52-7B829F39BF62}" dt="2021-03-04T14:23:53.865" v="6511" actId="313"/>
          <ac:spMkLst>
            <pc:docMk/>
            <pc:sldMk cId="2293817731" sldId="321"/>
            <ac:spMk id="2" creationId="{5BDD29F9-71D8-654E-9B75-D9E04FE6D557}"/>
          </ac:spMkLst>
        </pc:spChg>
        <pc:spChg chg="add mod">
          <ac:chgData name="Daly Donnacha HSLU I" userId="0f22e960-400a-43ff-baeb-4828c8f5cd3a" providerId="ADAL" clId="{E97A8A5D-0FCA-E347-AB52-7B829F39BF62}" dt="2021-03-04T07:56:08.086" v="1942"/>
          <ac:spMkLst>
            <pc:docMk/>
            <pc:sldMk cId="2293817731" sldId="321"/>
            <ac:spMk id="6" creationId="{8658213B-6614-6546-B0D4-8140F035B18E}"/>
          </ac:spMkLst>
        </pc:spChg>
        <pc:spChg chg="add mod">
          <ac:chgData name="Daly Donnacha HSLU I" userId="0f22e960-400a-43ff-baeb-4828c8f5cd3a" providerId="ADAL" clId="{E97A8A5D-0FCA-E347-AB52-7B829F39BF62}" dt="2021-03-04T14:00:22.498" v="6057" actId="20577"/>
          <ac:spMkLst>
            <pc:docMk/>
            <pc:sldMk cId="2293817731" sldId="321"/>
            <ac:spMk id="7" creationId="{B8E64215-CAC9-6747-A9AB-66159F54F252}"/>
          </ac:spMkLst>
        </pc:spChg>
        <pc:picChg chg="add mod">
          <ac:chgData name="Daly Donnacha HSLU I" userId="0f22e960-400a-43ff-baeb-4828c8f5cd3a" providerId="ADAL" clId="{E97A8A5D-0FCA-E347-AB52-7B829F39BF62}" dt="2021-03-04T13:59:43.774" v="6043" actId="14100"/>
          <ac:picMkLst>
            <pc:docMk/>
            <pc:sldMk cId="2293817731" sldId="321"/>
            <ac:picMk id="3" creationId="{823BDBB7-AD4F-7646-81D2-A178D773E5CB}"/>
          </ac:picMkLst>
        </pc:picChg>
        <pc:picChg chg="add mod">
          <ac:chgData name="Daly Donnacha HSLU I" userId="0f22e960-400a-43ff-baeb-4828c8f5cd3a" providerId="ADAL" clId="{E97A8A5D-0FCA-E347-AB52-7B829F39BF62}" dt="2021-03-04T13:59:57.886" v="6051" actId="14100"/>
          <ac:picMkLst>
            <pc:docMk/>
            <pc:sldMk cId="2293817731" sldId="321"/>
            <ac:picMk id="4" creationId="{190FFA8C-178A-274C-BB90-493FE140E3E7}"/>
          </ac:picMkLst>
        </pc:picChg>
        <pc:picChg chg="add mod">
          <ac:chgData name="Daly Donnacha HSLU I" userId="0f22e960-400a-43ff-baeb-4828c8f5cd3a" providerId="ADAL" clId="{E97A8A5D-0FCA-E347-AB52-7B829F39BF62}" dt="2021-03-04T13:59:59.327" v="6052" actId="1076"/>
          <ac:picMkLst>
            <pc:docMk/>
            <pc:sldMk cId="2293817731" sldId="321"/>
            <ac:picMk id="5" creationId="{FFAB9C9C-9BEB-E84B-AC77-9BC551A59E4C}"/>
          </ac:picMkLst>
        </pc:picChg>
      </pc:sldChg>
      <pc:sldChg chg="addSp modSp new del">
        <pc:chgData name="Daly Donnacha HSLU I" userId="0f22e960-400a-43ff-baeb-4828c8f5cd3a" providerId="ADAL" clId="{E97A8A5D-0FCA-E347-AB52-7B829F39BF62}" dt="2021-03-04T17:07:32.181" v="8565" actId="2696"/>
        <pc:sldMkLst>
          <pc:docMk/>
          <pc:sldMk cId="4132403916" sldId="322"/>
        </pc:sldMkLst>
        <pc:spChg chg="add mod">
          <ac:chgData name="Daly Donnacha HSLU I" userId="0f22e960-400a-43ff-baeb-4828c8f5cd3a" providerId="ADAL" clId="{E97A8A5D-0FCA-E347-AB52-7B829F39BF62}" dt="2021-03-04T07:57:43.094" v="1946"/>
          <ac:spMkLst>
            <pc:docMk/>
            <pc:sldMk cId="4132403916" sldId="322"/>
            <ac:spMk id="3" creationId="{A4669C21-ED63-BC4A-A1CB-D452A5803DAA}"/>
          </ac:spMkLst>
        </pc:spChg>
        <pc:spChg chg="add mod">
          <ac:chgData name="Daly Donnacha HSLU I" userId="0f22e960-400a-43ff-baeb-4828c8f5cd3a" providerId="ADAL" clId="{E97A8A5D-0FCA-E347-AB52-7B829F39BF62}" dt="2021-03-04T07:57:43.094" v="1946"/>
          <ac:spMkLst>
            <pc:docMk/>
            <pc:sldMk cId="4132403916" sldId="322"/>
            <ac:spMk id="4" creationId="{C2B88AE9-CFEE-9F45-9E2C-06190C9B78E4}"/>
          </ac:spMkLst>
        </pc:spChg>
        <pc:spChg chg="add mod">
          <ac:chgData name="Daly Donnacha HSLU I" userId="0f22e960-400a-43ff-baeb-4828c8f5cd3a" providerId="ADAL" clId="{E97A8A5D-0FCA-E347-AB52-7B829F39BF62}" dt="2021-03-04T07:57:43.094" v="1946"/>
          <ac:spMkLst>
            <pc:docMk/>
            <pc:sldMk cId="4132403916" sldId="322"/>
            <ac:spMk id="6" creationId="{A491AA25-8F21-9940-B8C0-BF98EDD1862F}"/>
          </ac:spMkLst>
        </pc:spChg>
        <pc:spChg chg="add mod">
          <ac:chgData name="Daly Donnacha HSLU I" userId="0f22e960-400a-43ff-baeb-4828c8f5cd3a" providerId="ADAL" clId="{E97A8A5D-0FCA-E347-AB52-7B829F39BF62}" dt="2021-03-04T07:57:43.094" v="1946"/>
          <ac:spMkLst>
            <pc:docMk/>
            <pc:sldMk cId="4132403916" sldId="322"/>
            <ac:spMk id="7" creationId="{285AA38E-5EDF-1E4B-9F40-2BA05CB65E28}"/>
          </ac:spMkLst>
        </pc:spChg>
        <pc:spChg chg="add mod">
          <ac:chgData name="Daly Donnacha HSLU I" userId="0f22e960-400a-43ff-baeb-4828c8f5cd3a" providerId="ADAL" clId="{E97A8A5D-0FCA-E347-AB52-7B829F39BF62}" dt="2021-03-04T07:57:43.094" v="1946"/>
          <ac:spMkLst>
            <pc:docMk/>
            <pc:sldMk cId="4132403916" sldId="322"/>
            <ac:spMk id="8" creationId="{6E4F7891-7E2C-D144-9355-4317CF8D30DD}"/>
          </ac:spMkLst>
        </pc:spChg>
        <pc:spChg chg="add mod">
          <ac:chgData name="Daly Donnacha HSLU I" userId="0f22e960-400a-43ff-baeb-4828c8f5cd3a" providerId="ADAL" clId="{E97A8A5D-0FCA-E347-AB52-7B829F39BF62}" dt="2021-03-04T07:57:43.094" v="1946"/>
          <ac:spMkLst>
            <pc:docMk/>
            <pc:sldMk cId="4132403916" sldId="322"/>
            <ac:spMk id="9" creationId="{1D318042-1032-0A46-AB22-D31FF512321D}"/>
          </ac:spMkLst>
        </pc:spChg>
        <pc:spChg chg="add mod">
          <ac:chgData name="Daly Donnacha HSLU I" userId="0f22e960-400a-43ff-baeb-4828c8f5cd3a" providerId="ADAL" clId="{E97A8A5D-0FCA-E347-AB52-7B829F39BF62}" dt="2021-03-04T07:57:43.094" v="1946"/>
          <ac:spMkLst>
            <pc:docMk/>
            <pc:sldMk cId="4132403916" sldId="322"/>
            <ac:spMk id="10" creationId="{5E613932-5D74-2D48-A895-5B3D7B432855}"/>
          </ac:spMkLst>
        </pc:spChg>
        <pc:picChg chg="add mod">
          <ac:chgData name="Daly Donnacha HSLU I" userId="0f22e960-400a-43ff-baeb-4828c8f5cd3a" providerId="ADAL" clId="{E97A8A5D-0FCA-E347-AB52-7B829F39BF62}" dt="2021-03-04T07:57:43.094" v="1946"/>
          <ac:picMkLst>
            <pc:docMk/>
            <pc:sldMk cId="4132403916" sldId="322"/>
            <ac:picMk id="5" creationId="{F9A924E2-88A3-A340-BE4C-A8BCEE22BAAE}"/>
          </ac:picMkLst>
        </pc:picChg>
        <pc:cxnChg chg="add mod">
          <ac:chgData name="Daly Donnacha HSLU I" userId="0f22e960-400a-43ff-baeb-4828c8f5cd3a" providerId="ADAL" clId="{E97A8A5D-0FCA-E347-AB52-7B829F39BF62}" dt="2021-03-04T07:57:43.094" v="1946"/>
          <ac:cxnSpMkLst>
            <pc:docMk/>
            <pc:sldMk cId="4132403916" sldId="322"/>
            <ac:cxnSpMk id="11" creationId="{EB7F2E4B-8A39-1D43-8CA6-8859F5AF3F32}"/>
          </ac:cxnSpMkLst>
        </pc:cxnChg>
      </pc:sldChg>
      <pc:sldChg chg="addSp modSp new mod">
        <pc:chgData name="Daly Donnacha HSLU I" userId="0f22e960-400a-43ff-baeb-4828c8f5cd3a" providerId="ADAL" clId="{E97A8A5D-0FCA-E347-AB52-7B829F39BF62}" dt="2021-03-04T16:41:12.443" v="8054" actId="1038"/>
        <pc:sldMkLst>
          <pc:docMk/>
          <pc:sldMk cId="1925514653" sldId="323"/>
        </pc:sldMkLst>
        <pc:spChg chg="mod">
          <ac:chgData name="Daly Donnacha HSLU I" userId="0f22e960-400a-43ff-baeb-4828c8f5cd3a" providerId="ADAL" clId="{E97A8A5D-0FCA-E347-AB52-7B829F39BF62}" dt="2021-03-04T16:39:25.762" v="7905" actId="20577"/>
          <ac:spMkLst>
            <pc:docMk/>
            <pc:sldMk cId="1925514653" sldId="323"/>
            <ac:spMk id="2" creationId="{B1EB6594-94DE-934E-A1F5-D9A501A730BB}"/>
          </ac:spMkLst>
        </pc:spChg>
        <pc:spChg chg="mod">
          <ac:chgData name="Daly Donnacha HSLU I" userId="0f22e960-400a-43ff-baeb-4828c8f5cd3a" providerId="ADAL" clId="{E97A8A5D-0FCA-E347-AB52-7B829F39BF62}" dt="2021-03-04T07:57:21.032" v="1945"/>
          <ac:spMkLst>
            <pc:docMk/>
            <pc:sldMk cId="1925514653" sldId="323"/>
            <ac:spMk id="6" creationId="{D925B319-64B7-8341-81EC-1BB2FD15727B}"/>
          </ac:spMkLst>
        </pc:spChg>
        <pc:spChg chg="mod">
          <ac:chgData name="Daly Donnacha HSLU I" userId="0f22e960-400a-43ff-baeb-4828c8f5cd3a" providerId="ADAL" clId="{E97A8A5D-0FCA-E347-AB52-7B829F39BF62}" dt="2021-03-04T07:57:21.032" v="1945"/>
          <ac:spMkLst>
            <pc:docMk/>
            <pc:sldMk cId="1925514653" sldId="323"/>
            <ac:spMk id="8" creationId="{813440C2-4874-A54F-8764-08A9E832B2FD}"/>
          </ac:spMkLst>
        </pc:spChg>
        <pc:spChg chg="mod">
          <ac:chgData name="Daly Donnacha HSLU I" userId="0f22e960-400a-43ff-baeb-4828c8f5cd3a" providerId="ADAL" clId="{E97A8A5D-0FCA-E347-AB52-7B829F39BF62}" dt="2021-03-04T07:57:21.032" v="1945"/>
          <ac:spMkLst>
            <pc:docMk/>
            <pc:sldMk cId="1925514653" sldId="323"/>
            <ac:spMk id="9" creationId="{5A24C7B8-5E9D-7A42-8FAF-7733EAE31190}"/>
          </ac:spMkLst>
        </pc:spChg>
        <pc:spChg chg="add mod">
          <ac:chgData name="Daly Donnacha HSLU I" userId="0f22e960-400a-43ff-baeb-4828c8f5cd3a" providerId="ADAL" clId="{E97A8A5D-0FCA-E347-AB52-7B829F39BF62}" dt="2021-03-04T07:57:21.032" v="1945"/>
          <ac:spMkLst>
            <pc:docMk/>
            <pc:sldMk cId="1925514653" sldId="323"/>
            <ac:spMk id="10" creationId="{62A63BCA-FB9F-D54C-91C2-B486CFCD303A}"/>
          </ac:spMkLst>
        </pc:spChg>
        <pc:spChg chg="add mod">
          <ac:chgData name="Daly Donnacha HSLU I" userId="0f22e960-400a-43ff-baeb-4828c8f5cd3a" providerId="ADAL" clId="{E97A8A5D-0FCA-E347-AB52-7B829F39BF62}" dt="2021-03-04T16:41:12.443" v="8054" actId="1038"/>
          <ac:spMkLst>
            <pc:docMk/>
            <pc:sldMk cId="1925514653" sldId="323"/>
            <ac:spMk id="11" creationId="{F90BEBBF-3B4A-7F48-AC82-AA91C1052476}"/>
          </ac:spMkLst>
        </pc:spChg>
        <pc:spChg chg="add mod">
          <ac:chgData name="Daly Donnacha HSLU I" userId="0f22e960-400a-43ff-baeb-4828c8f5cd3a" providerId="ADAL" clId="{E97A8A5D-0FCA-E347-AB52-7B829F39BF62}" dt="2021-03-04T07:57:21.032" v="1945"/>
          <ac:spMkLst>
            <pc:docMk/>
            <pc:sldMk cId="1925514653" sldId="323"/>
            <ac:spMk id="12" creationId="{2C0A1141-5996-8241-BCF2-9378C6B74068}"/>
          </ac:spMkLst>
        </pc:spChg>
        <pc:spChg chg="add mod">
          <ac:chgData name="Daly Donnacha HSLU I" userId="0f22e960-400a-43ff-baeb-4828c8f5cd3a" providerId="ADAL" clId="{E97A8A5D-0FCA-E347-AB52-7B829F39BF62}" dt="2021-03-04T16:40:53.093" v="8052" actId="6549"/>
          <ac:spMkLst>
            <pc:docMk/>
            <pc:sldMk cId="1925514653" sldId="323"/>
            <ac:spMk id="13" creationId="{FC656FD2-83D6-934E-8074-2BC494C64FE5}"/>
          </ac:spMkLst>
        </pc:spChg>
        <pc:grpChg chg="add mod">
          <ac:chgData name="Daly Donnacha HSLU I" userId="0f22e960-400a-43ff-baeb-4828c8f5cd3a" providerId="ADAL" clId="{E97A8A5D-0FCA-E347-AB52-7B829F39BF62}" dt="2021-03-04T07:57:21.032" v="1945"/>
          <ac:grpSpMkLst>
            <pc:docMk/>
            <pc:sldMk cId="1925514653" sldId="323"/>
            <ac:grpSpMk id="3" creationId="{2324F5FA-9CD1-9849-9143-CC1A32516157}"/>
          </ac:grpSpMkLst>
        </pc:grpChg>
        <pc:picChg chg="mod">
          <ac:chgData name="Daly Donnacha HSLU I" userId="0f22e960-400a-43ff-baeb-4828c8f5cd3a" providerId="ADAL" clId="{E97A8A5D-0FCA-E347-AB52-7B829F39BF62}" dt="2021-03-04T07:57:21.032" v="1945"/>
          <ac:picMkLst>
            <pc:docMk/>
            <pc:sldMk cId="1925514653" sldId="323"/>
            <ac:picMk id="4" creationId="{8EDCEB6A-75FF-F24D-BDF8-21F4D3EC1AB1}"/>
          </ac:picMkLst>
        </pc:picChg>
        <pc:picChg chg="mod">
          <ac:chgData name="Daly Donnacha HSLU I" userId="0f22e960-400a-43ff-baeb-4828c8f5cd3a" providerId="ADAL" clId="{E97A8A5D-0FCA-E347-AB52-7B829F39BF62}" dt="2021-03-04T07:57:21.032" v="1945"/>
          <ac:picMkLst>
            <pc:docMk/>
            <pc:sldMk cId="1925514653" sldId="323"/>
            <ac:picMk id="5" creationId="{21C6FEB9-BA89-224D-8034-3718B165AE63}"/>
          </ac:picMkLst>
        </pc:picChg>
        <pc:picChg chg="mod">
          <ac:chgData name="Daly Donnacha HSLU I" userId="0f22e960-400a-43ff-baeb-4828c8f5cd3a" providerId="ADAL" clId="{E97A8A5D-0FCA-E347-AB52-7B829F39BF62}" dt="2021-03-04T07:57:21.032" v="1945"/>
          <ac:picMkLst>
            <pc:docMk/>
            <pc:sldMk cId="1925514653" sldId="323"/>
            <ac:picMk id="7" creationId="{D5983BA4-63DE-6745-9A94-3FF66DBA1D64}"/>
          </ac:picMkLst>
        </pc:picChg>
      </pc:sldChg>
      <pc:sldChg chg="addSp modSp new mod ord">
        <pc:chgData name="Daly Donnacha HSLU I" userId="0f22e960-400a-43ff-baeb-4828c8f5cd3a" providerId="ADAL" clId="{E97A8A5D-0FCA-E347-AB52-7B829F39BF62}" dt="2021-03-04T16:56:19.727" v="8396" actId="20577"/>
        <pc:sldMkLst>
          <pc:docMk/>
          <pc:sldMk cId="1580837150" sldId="324"/>
        </pc:sldMkLst>
        <pc:spChg chg="mod">
          <ac:chgData name="Daly Donnacha HSLU I" userId="0f22e960-400a-43ff-baeb-4828c8f5cd3a" providerId="ADAL" clId="{E97A8A5D-0FCA-E347-AB52-7B829F39BF62}" dt="2021-03-04T16:52:42.142" v="8283" actId="20577"/>
          <ac:spMkLst>
            <pc:docMk/>
            <pc:sldMk cId="1580837150" sldId="324"/>
            <ac:spMk id="2" creationId="{EADABB35-916B-EB4A-A464-A2D00D18D1EE}"/>
          </ac:spMkLst>
        </pc:spChg>
        <pc:spChg chg="add mod">
          <ac:chgData name="Daly Donnacha HSLU I" userId="0f22e960-400a-43ff-baeb-4828c8f5cd3a" providerId="ADAL" clId="{E97A8A5D-0FCA-E347-AB52-7B829F39BF62}" dt="2021-03-04T16:56:19.727" v="8396" actId="20577"/>
          <ac:spMkLst>
            <pc:docMk/>
            <pc:sldMk cId="1580837150" sldId="324"/>
            <ac:spMk id="4" creationId="{9E75C5E1-9AEE-A24A-AD15-CFDDA24B6E40}"/>
          </ac:spMkLst>
        </pc:spChg>
        <pc:spChg chg="add mod">
          <ac:chgData name="Daly Donnacha HSLU I" userId="0f22e960-400a-43ff-baeb-4828c8f5cd3a" providerId="ADAL" clId="{E97A8A5D-0FCA-E347-AB52-7B829F39BF62}" dt="2021-03-04T16:53:54.669" v="8289" actId="14100"/>
          <ac:spMkLst>
            <pc:docMk/>
            <pc:sldMk cId="1580837150" sldId="324"/>
            <ac:spMk id="5" creationId="{240F52B9-E7D0-8249-863F-84FEBABC1A4A}"/>
          </ac:spMkLst>
        </pc:spChg>
        <pc:picChg chg="add mod">
          <ac:chgData name="Daly Donnacha HSLU I" userId="0f22e960-400a-43ff-baeb-4828c8f5cd3a" providerId="ADAL" clId="{E97A8A5D-0FCA-E347-AB52-7B829F39BF62}" dt="2021-03-04T16:55:11.537" v="8312" actId="732"/>
          <ac:picMkLst>
            <pc:docMk/>
            <pc:sldMk cId="1580837150" sldId="324"/>
            <ac:picMk id="3" creationId="{FF581374-EAA6-EC49-8769-2AD4A7CF9E31}"/>
          </ac:picMkLst>
        </pc:picChg>
      </pc:sldChg>
      <pc:sldChg chg="addSp delSp modSp new mod">
        <pc:chgData name="Daly Donnacha HSLU I" userId="0f22e960-400a-43ff-baeb-4828c8f5cd3a" providerId="ADAL" clId="{E97A8A5D-0FCA-E347-AB52-7B829F39BF62}" dt="2021-03-04T17:06:11.898" v="8564" actId="113"/>
        <pc:sldMkLst>
          <pc:docMk/>
          <pc:sldMk cId="1290782229" sldId="325"/>
        </pc:sldMkLst>
        <pc:spChg chg="mod">
          <ac:chgData name="Daly Donnacha HSLU I" userId="0f22e960-400a-43ff-baeb-4828c8f5cd3a" providerId="ADAL" clId="{E97A8A5D-0FCA-E347-AB52-7B829F39BF62}" dt="2021-03-04T16:57:28.120" v="8490" actId="6549"/>
          <ac:spMkLst>
            <pc:docMk/>
            <pc:sldMk cId="1290782229" sldId="325"/>
            <ac:spMk id="2" creationId="{624AAE2A-785A-4943-AD16-47AAD2951671}"/>
          </ac:spMkLst>
        </pc:spChg>
        <pc:spChg chg="add mod">
          <ac:chgData name="Daly Donnacha HSLU I" userId="0f22e960-400a-43ff-baeb-4828c8f5cd3a" providerId="ADAL" clId="{E97A8A5D-0FCA-E347-AB52-7B829F39BF62}" dt="2021-03-04T17:00:13.552" v="8520" actId="14100"/>
          <ac:spMkLst>
            <pc:docMk/>
            <pc:sldMk cId="1290782229" sldId="325"/>
            <ac:spMk id="3" creationId="{2A0A28BE-E0DA-674A-9FE2-38E31DA944CD}"/>
          </ac:spMkLst>
        </pc:spChg>
        <pc:spChg chg="add mod">
          <ac:chgData name="Daly Donnacha HSLU I" userId="0f22e960-400a-43ff-baeb-4828c8f5cd3a" providerId="ADAL" clId="{E97A8A5D-0FCA-E347-AB52-7B829F39BF62}" dt="2021-03-04T17:06:11.898" v="8564" actId="113"/>
          <ac:spMkLst>
            <pc:docMk/>
            <pc:sldMk cId="1290782229" sldId="325"/>
            <ac:spMk id="4" creationId="{4BF14FBC-9DA3-B943-88CB-51480C9FBD45}"/>
          </ac:spMkLst>
        </pc:spChg>
        <pc:spChg chg="add mod">
          <ac:chgData name="Daly Donnacha HSLU I" userId="0f22e960-400a-43ff-baeb-4828c8f5cd3a" providerId="ADAL" clId="{E97A8A5D-0FCA-E347-AB52-7B829F39BF62}" dt="2021-03-04T17:05:59.882" v="8563" actId="113"/>
          <ac:spMkLst>
            <pc:docMk/>
            <pc:sldMk cId="1290782229" sldId="325"/>
            <ac:spMk id="6" creationId="{3E3FB270-87BA-C64A-9F66-5A3A4D64B841}"/>
          </ac:spMkLst>
        </pc:spChg>
        <pc:picChg chg="add del mod">
          <ac:chgData name="Daly Donnacha HSLU I" userId="0f22e960-400a-43ff-baeb-4828c8f5cd3a" providerId="ADAL" clId="{E97A8A5D-0FCA-E347-AB52-7B829F39BF62}" dt="2021-03-04T14:09:14.159" v="6181" actId="21"/>
          <ac:picMkLst>
            <pc:docMk/>
            <pc:sldMk cId="1290782229" sldId="325"/>
            <ac:picMk id="3" creationId="{6DF0EAA6-2BB8-474C-A7CD-108AB7F54F0B}"/>
          </ac:picMkLst>
        </pc:picChg>
        <pc:picChg chg="add mod">
          <ac:chgData name="Daly Donnacha HSLU I" userId="0f22e960-400a-43ff-baeb-4828c8f5cd3a" providerId="ADAL" clId="{E97A8A5D-0FCA-E347-AB52-7B829F39BF62}" dt="2021-03-04T17:00:18.865" v="8521" actId="14100"/>
          <ac:picMkLst>
            <pc:docMk/>
            <pc:sldMk cId="1290782229" sldId="325"/>
            <ac:picMk id="1026" creationId="{59A56471-94FD-E346-B7C2-545A2EF80092}"/>
          </ac:picMkLst>
        </pc:picChg>
      </pc:sldChg>
      <pc:sldChg chg="addSp modSp new mod ord">
        <pc:chgData name="Daly Donnacha HSLU I" userId="0f22e960-400a-43ff-baeb-4828c8f5cd3a" providerId="ADAL" clId="{E97A8A5D-0FCA-E347-AB52-7B829F39BF62}" dt="2021-03-04T17:09:42.248" v="8670" actId="1036"/>
        <pc:sldMkLst>
          <pc:docMk/>
          <pc:sldMk cId="337345314" sldId="326"/>
        </pc:sldMkLst>
        <pc:spChg chg="mod">
          <ac:chgData name="Daly Donnacha HSLU I" userId="0f22e960-400a-43ff-baeb-4828c8f5cd3a" providerId="ADAL" clId="{E97A8A5D-0FCA-E347-AB52-7B829F39BF62}" dt="2021-03-04T17:07:55.449" v="8605" actId="20577"/>
          <ac:spMkLst>
            <pc:docMk/>
            <pc:sldMk cId="337345314" sldId="326"/>
            <ac:spMk id="2" creationId="{A8A83F87-75D0-2E48-99D8-4ABDF4E3D23C}"/>
          </ac:spMkLst>
        </pc:spChg>
        <pc:spChg chg="add mod">
          <ac:chgData name="Daly Donnacha HSLU I" userId="0f22e960-400a-43ff-baeb-4828c8f5cd3a" providerId="ADAL" clId="{E97A8A5D-0FCA-E347-AB52-7B829F39BF62}" dt="2021-03-04T17:09:42.248" v="8670" actId="1036"/>
          <ac:spMkLst>
            <pc:docMk/>
            <pc:sldMk cId="337345314" sldId="326"/>
            <ac:spMk id="3" creationId="{9B105BD8-D4E3-E749-A65B-7DE679BED19B}"/>
          </ac:spMkLst>
        </pc:spChg>
        <pc:spChg chg="add mod">
          <ac:chgData name="Daly Donnacha HSLU I" userId="0f22e960-400a-43ff-baeb-4828c8f5cd3a" providerId="ADAL" clId="{E97A8A5D-0FCA-E347-AB52-7B829F39BF62}" dt="2021-03-04T08:11:53.470" v="2085"/>
          <ac:spMkLst>
            <pc:docMk/>
            <pc:sldMk cId="337345314" sldId="326"/>
            <ac:spMk id="5" creationId="{E91F45C3-0D39-6F42-B5FC-A9BDA805C90D}"/>
          </ac:spMkLst>
        </pc:spChg>
        <pc:picChg chg="add mod">
          <ac:chgData name="Daly Donnacha HSLU I" userId="0f22e960-400a-43ff-baeb-4828c8f5cd3a" providerId="ADAL" clId="{E97A8A5D-0FCA-E347-AB52-7B829F39BF62}" dt="2021-03-04T08:11:53.470" v="2085"/>
          <ac:picMkLst>
            <pc:docMk/>
            <pc:sldMk cId="337345314" sldId="326"/>
            <ac:picMk id="4" creationId="{77195C50-5F4F-A445-ABCE-BFFDB8EDB801}"/>
          </ac:picMkLst>
        </pc:picChg>
      </pc:sldChg>
      <pc:sldChg chg="addSp delSp modSp new mod">
        <pc:chgData name="Daly Donnacha HSLU I" userId="0f22e960-400a-43ff-baeb-4828c8f5cd3a" providerId="ADAL" clId="{E97A8A5D-0FCA-E347-AB52-7B829F39BF62}" dt="2021-03-04T17:11:18.130" v="8835" actId="20577"/>
        <pc:sldMkLst>
          <pc:docMk/>
          <pc:sldMk cId="1994257517" sldId="327"/>
        </pc:sldMkLst>
        <pc:spChg chg="mod">
          <ac:chgData name="Daly Donnacha HSLU I" userId="0f22e960-400a-43ff-baeb-4828c8f5cd3a" providerId="ADAL" clId="{E97A8A5D-0FCA-E347-AB52-7B829F39BF62}" dt="2021-03-04T17:08:40.315" v="8664" actId="6549"/>
          <ac:spMkLst>
            <pc:docMk/>
            <pc:sldMk cId="1994257517" sldId="327"/>
            <ac:spMk id="2" creationId="{59DD8574-DBC8-7548-8BB7-C7A8E2BFF775}"/>
          </ac:spMkLst>
        </pc:spChg>
        <pc:spChg chg="add mod">
          <ac:chgData name="Daly Donnacha HSLU I" userId="0f22e960-400a-43ff-baeb-4828c8f5cd3a" providerId="ADAL" clId="{E97A8A5D-0FCA-E347-AB52-7B829F39BF62}" dt="2021-03-04T08:13:10.520" v="2087"/>
          <ac:spMkLst>
            <pc:docMk/>
            <pc:sldMk cId="1994257517" sldId="327"/>
            <ac:spMk id="4" creationId="{8FF12AFD-86CC-0843-B44C-A3BE801415C0}"/>
          </ac:spMkLst>
        </pc:spChg>
        <pc:spChg chg="add del mod">
          <ac:chgData name="Daly Donnacha HSLU I" userId="0f22e960-400a-43ff-baeb-4828c8f5cd3a" providerId="ADAL" clId="{E97A8A5D-0FCA-E347-AB52-7B829F39BF62}" dt="2021-03-04T17:08:20.146" v="8618" actId="478"/>
          <ac:spMkLst>
            <pc:docMk/>
            <pc:sldMk cId="1994257517" sldId="327"/>
            <ac:spMk id="5" creationId="{8272BA87-7F3F-C549-B355-E2FEF3228B15}"/>
          </ac:spMkLst>
        </pc:spChg>
        <pc:spChg chg="add mod">
          <ac:chgData name="Daly Donnacha HSLU I" userId="0f22e960-400a-43ff-baeb-4828c8f5cd3a" providerId="ADAL" clId="{E97A8A5D-0FCA-E347-AB52-7B829F39BF62}" dt="2021-03-04T17:11:18.130" v="8835" actId="20577"/>
          <ac:spMkLst>
            <pc:docMk/>
            <pc:sldMk cId="1994257517" sldId="327"/>
            <ac:spMk id="6" creationId="{6403783F-BCC3-2047-91BC-7AFBA1B166AF}"/>
          </ac:spMkLst>
        </pc:spChg>
        <pc:picChg chg="add mod">
          <ac:chgData name="Daly Donnacha HSLU I" userId="0f22e960-400a-43ff-baeb-4828c8f5cd3a" providerId="ADAL" clId="{E97A8A5D-0FCA-E347-AB52-7B829F39BF62}" dt="2021-03-04T17:10:15.935" v="8673" actId="1035"/>
          <ac:picMkLst>
            <pc:docMk/>
            <pc:sldMk cId="1994257517" sldId="327"/>
            <ac:picMk id="3" creationId="{A35209DA-4582-5645-8A06-06A4B9CB7BB2}"/>
          </ac:picMkLst>
        </pc:picChg>
      </pc:sldChg>
      <pc:sldChg chg="addSp delSp modSp new mod modAnim">
        <pc:chgData name="Daly Donnacha HSLU I" userId="0f22e960-400a-43ff-baeb-4828c8f5cd3a" providerId="ADAL" clId="{E97A8A5D-0FCA-E347-AB52-7B829F39BF62}" dt="2021-03-05T04:54:21.418" v="8937"/>
        <pc:sldMkLst>
          <pc:docMk/>
          <pc:sldMk cId="3357511077" sldId="328"/>
        </pc:sldMkLst>
        <pc:spChg chg="mod">
          <ac:chgData name="Daly Donnacha HSLU I" userId="0f22e960-400a-43ff-baeb-4828c8f5cd3a" providerId="ADAL" clId="{E97A8A5D-0FCA-E347-AB52-7B829F39BF62}" dt="2021-03-04T09:15:03.709" v="2718" actId="20577"/>
          <ac:spMkLst>
            <pc:docMk/>
            <pc:sldMk cId="3357511077" sldId="328"/>
            <ac:spMk id="2" creationId="{367B5EE0-32E4-AA44-859E-800B09FD6549}"/>
          </ac:spMkLst>
        </pc:spChg>
        <pc:spChg chg="add del mod">
          <ac:chgData name="Daly Donnacha HSLU I" userId="0f22e960-400a-43ff-baeb-4828c8f5cd3a" providerId="ADAL" clId="{E97A8A5D-0FCA-E347-AB52-7B829F39BF62}" dt="2021-03-04T08:52:17.925" v="2318" actId="478"/>
          <ac:spMkLst>
            <pc:docMk/>
            <pc:sldMk cId="3357511077" sldId="328"/>
            <ac:spMk id="3" creationId="{18712C42-1C05-8A4B-B2D8-CDA22D3A72A7}"/>
          </ac:spMkLst>
        </pc:spChg>
        <pc:spChg chg="add mod">
          <ac:chgData name="Daly Donnacha HSLU I" userId="0f22e960-400a-43ff-baeb-4828c8f5cd3a" providerId="ADAL" clId="{E97A8A5D-0FCA-E347-AB52-7B829F39BF62}" dt="2021-03-04T10:27:50.180" v="3758" actId="1038"/>
          <ac:spMkLst>
            <pc:docMk/>
            <pc:sldMk cId="3357511077" sldId="328"/>
            <ac:spMk id="5" creationId="{106AC70E-B06C-E342-9CB9-539E729408BA}"/>
          </ac:spMkLst>
        </pc:spChg>
        <pc:spChg chg="add mod">
          <ac:chgData name="Daly Donnacha HSLU I" userId="0f22e960-400a-43ff-baeb-4828c8f5cd3a" providerId="ADAL" clId="{E97A8A5D-0FCA-E347-AB52-7B829F39BF62}" dt="2021-03-04T08:52:44.298" v="2320" actId="164"/>
          <ac:spMkLst>
            <pc:docMk/>
            <pc:sldMk cId="3357511077" sldId="328"/>
            <ac:spMk id="6" creationId="{41D4D1C9-F16E-3641-9038-95EDC760CD7A}"/>
          </ac:spMkLst>
        </pc:spChg>
        <pc:spChg chg="add mod">
          <ac:chgData name="Daly Donnacha HSLU I" userId="0f22e960-400a-43ff-baeb-4828c8f5cd3a" providerId="ADAL" clId="{E97A8A5D-0FCA-E347-AB52-7B829F39BF62}" dt="2021-03-04T10:49:11.857" v="3845" actId="167"/>
          <ac:spMkLst>
            <pc:docMk/>
            <pc:sldMk cId="3357511077" sldId="328"/>
            <ac:spMk id="7" creationId="{1E7E1D2A-097F-CC45-8635-71516456962D}"/>
          </ac:spMkLst>
        </pc:spChg>
        <pc:spChg chg="add mod">
          <ac:chgData name="Daly Donnacha HSLU I" userId="0f22e960-400a-43ff-baeb-4828c8f5cd3a" providerId="ADAL" clId="{E97A8A5D-0FCA-E347-AB52-7B829F39BF62}" dt="2021-03-04T09:01:31.631" v="2406" actId="167"/>
          <ac:spMkLst>
            <pc:docMk/>
            <pc:sldMk cId="3357511077" sldId="328"/>
            <ac:spMk id="8" creationId="{C585399D-F4D3-544C-BC4D-EF7A792E2248}"/>
          </ac:spMkLst>
        </pc:spChg>
        <pc:spChg chg="add mod">
          <ac:chgData name="Daly Donnacha HSLU I" userId="0f22e960-400a-43ff-baeb-4828c8f5cd3a" providerId="ADAL" clId="{E97A8A5D-0FCA-E347-AB52-7B829F39BF62}" dt="2021-03-04T08:52:44.298" v="2320" actId="164"/>
          <ac:spMkLst>
            <pc:docMk/>
            <pc:sldMk cId="3357511077" sldId="328"/>
            <ac:spMk id="9" creationId="{141FE882-ADA0-8940-A827-8E0B9741096B}"/>
          </ac:spMkLst>
        </pc:spChg>
        <pc:spChg chg="add del mod">
          <ac:chgData name="Daly Donnacha HSLU I" userId="0f22e960-400a-43ff-baeb-4828c8f5cd3a" providerId="ADAL" clId="{E97A8A5D-0FCA-E347-AB52-7B829F39BF62}" dt="2021-03-04T08:53:35.387" v="2324" actId="478"/>
          <ac:spMkLst>
            <pc:docMk/>
            <pc:sldMk cId="3357511077" sldId="328"/>
            <ac:spMk id="11" creationId="{D8F38874-9757-2E4E-A79B-9F439C9EBC94}"/>
          </ac:spMkLst>
        </pc:spChg>
        <pc:spChg chg="add mod">
          <ac:chgData name="Daly Donnacha HSLU I" userId="0f22e960-400a-43ff-baeb-4828c8f5cd3a" providerId="ADAL" clId="{E97A8A5D-0FCA-E347-AB52-7B829F39BF62}" dt="2021-03-04T09:49:58.580" v="3465" actId="14100"/>
          <ac:spMkLst>
            <pc:docMk/>
            <pc:sldMk cId="3357511077" sldId="328"/>
            <ac:spMk id="12" creationId="{73E55DD9-5369-AE4B-A190-4E237A62788C}"/>
          </ac:spMkLst>
        </pc:spChg>
        <pc:spChg chg="add del mod">
          <ac:chgData name="Daly Donnacha HSLU I" userId="0f22e960-400a-43ff-baeb-4828c8f5cd3a" providerId="ADAL" clId="{E97A8A5D-0FCA-E347-AB52-7B829F39BF62}" dt="2021-03-04T08:57:21.336" v="2365" actId="478"/>
          <ac:spMkLst>
            <pc:docMk/>
            <pc:sldMk cId="3357511077" sldId="328"/>
            <ac:spMk id="13" creationId="{41E5AAC2-F02D-CC40-BBDD-23431E4CE575}"/>
          </ac:spMkLst>
        </pc:spChg>
        <pc:spChg chg="add del mod">
          <ac:chgData name="Daly Donnacha HSLU I" userId="0f22e960-400a-43ff-baeb-4828c8f5cd3a" providerId="ADAL" clId="{E97A8A5D-0FCA-E347-AB52-7B829F39BF62}" dt="2021-03-04T08:57:19.195" v="2364" actId="478"/>
          <ac:spMkLst>
            <pc:docMk/>
            <pc:sldMk cId="3357511077" sldId="328"/>
            <ac:spMk id="14" creationId="{AEB290B8-EFB2-684B-8342-F047A0C8F001}"/>
          </ac:spMkLst>
        </pc:spChg>
        <pc:spChg chg="add mod">
          <ac:chgData name="Daly Donnacha HSLU I" userId="0f22e960-400a-43ff-baeb-4828c8f5cd3a" providerId="ADAL" clId="{E97A8A5D-0FCA-E347-AB52-7B829F39BF62}" dt="2021-03-04T10:50:46.673" v="3866" actId="14100"/>
          <ac:spMkLst>
            <pc:docMk/>
            <pc:sldMk cId="3357511077" sldId="328"/>
            <ac:spMk id="15" creationId="{7C2F200C-1F52-FE40-9F7B-8840AA546274}"/>
          </ac:spMkLst>
        </pc:spChg>
        <pc:spChg chg="add mod">
          <ac:chgData name="Daly Donnacha HSLU I" userId="0f22e960-400a-43ff-baeb-4828c8f5cd3a" providerId="ADAL" clId="{E97A8A5D-0FCA-E347-AB52-7B829F39BF62}" dt="2021-03-04T10:50:49.586" v="3867" actId="14100"/>
          <ac:spMkLst>
            <pc:docMk/>
            <pc:sldMk cId="3357511077" sldId="328"/>
            <ac:spMk id="16" creationId="{24A3B611-F6A1-DD43-8866-BFC1EB4B61AE}"/>
          </ac:spMkLst>
        </pc:spChg>
        <pc:spChg chg="add mod">
          <ac:chgData name="Daly Donnacha HSLU I" userId="0f22e960-400a-43ff-baeb-4828c8f5cd3a" providerId="ADAL" clId="{E97A8A5D-0FCA-E347-AB52-7B829F39BF62}" dt="2021-03-04T10:52:50.559" v="3886" actId="14100"/>
          <ac:spMkLst>
            <pc:docMk/>
            <pc:sldMk cId="3357511077" sldId="328"/>
            <ac:spMk id="17" creationId="{73736E8E-3EBB-E64D-A54E-06872534CB7F}"/>
          </ac:spMkLst>
        </pc:spChg>
        <pc:spChg chg="add mod">
          <ac:chgData name="Daly Donnacha HSLU I" userId="0f22e960-400a-43ff-baeb-4828c8f5cd3a" providerId="ADAL" clId="{E97A8A5D-0FCA-E347-AB52-7B829F39BF62}" dt="2021-03-04T10:52:08.185" v="3877" actId="14100"/>
          <ac:spMkLst>
            <pc:docMk/>
            <pc:sldMk cId="3357511077" sldId="328"/>
            <ac:spMk id="18" creationId="{81E02753-3086-064B-8FF2-E7F959EF986C}"/>
          </ac:spMkLst>
        </pc:spChg>
        <pc:spChg chg="add mod">
          <ac:chgData name="Daly Donnacha HSLU I" userId="0f22e960-400a-43ff-baeb-4828c8f5cd3a" providerId="ADAL" clId="{E97A8A5D-0FCA-E347-AB52-7B829F39BF62}" dt="2021-03-04T10:52:34.495" v="3881" actId="14100"/>
          <ac:spMkLst>
            <pc:docMk/>
            <pc:sldMk cId="3357511077" sldId="328"/>
            <ac:spMk id="19" creationId="{7DE26B38-FC8A-5540-87C0-FF74AB05E683}"/>
          </ac:spMkLst>
        </pc:spChg>
        <pc:spChg chg="add mod">
          <ac:chgData name="Daly Donnacha HSLU I" userId="0f22e960-400a-43ff-baeb-4828c8f5cd3a" providerId="ADAL" clId="{E97A8A5D-0FCA-E347-AB52-7B829F39BF62}" dt="2021-03-04T10:51:22.719" v="3870" actId="167"/>
          <ac:spMkLst>
            <pc:docMk/>
            <pc:sldMk cId="3357511077" sldId="328"/>
            <ac:spMk id="20" creationId="{81864384-E86B-EF44-8997-D21BA1E97FC3}"/>
          </ac:spMkLst>
        </pc:spChg>
        <pc:spChg chg="add del mod">
          <ac:chgData name="Daly Donnacha HSLU I" userId="0f22e960-400a-43ff-baeb-4828c8f5cd3a" providerId="ADAL" clId="{E97A8A5D-0FCA-E347-AB52-7B829F39BF62}" dt="2021-03-04T10:10:59.468" v="3532" actId="478"/>
          <ac:spMkLst>
            <pc:docMk/>
            <pc:sldMk cId="3357511077" sldId="328"/>
            <ac:spMk id="21" creationId="{53C6AB98-E471-F04A-A577-7370FD1FED2C}"/>
          </ac:spMkLst>
        </pc:spChg>
        <pc:spChg chg="add del mod">
          <ac:chgData name="Daly Donnacha HSLU I" userId="0f22e960-400a-43ff-baeb-4828c8f5cd3a" providerId="ADAL" clId="{E97A8A5D-0FCA-E347-AB52-7B829F39BF62}" dt="2021-03-04T10:10:59.468" v="3532" actId="478"/>
          <ac:spMkLst>
            <pc:docMk/>
            <pc:sldMk cId="3357511077" sldId="328"/>
            <ac:spMk id="22" creationId="{7E6F0ABE-ED1C-5B45-ADDC-8D6F9A90C1C4}"/>
          </ac:spMkLst>
        </pc:spChg>
        <pc:spChg chg="add del mod">
          <ac:chgData name="Daly Donnacha HSLU I" userId="0f22e960-400a-43ff-baeb-4828c8f5cd3a" providerId="ADAL" clId="{E97A8A5D-0FCA-E347-AB52-7B829F39BF62}" dt="2021-03-04T10:10:59.468" v="3532" actId="478"/>
          <ac:spMkLst>
            <pc:docMk/>
            <pc:sldMk cId="3357511077" sldId="328"/>
            <ac:spMk id="23" creationId="{6DE1B405-927B-5F4A-8647-17508D33231B}"/>
          </ac:spMkLst>
        </pc:spChg>
        <pc:spChg chg="add mod">
          <ac:chgData name="Daly Donnacha HSLU I" userId="0f22e960-400a-43ff-baeb-4828c8f5cd3a" providerId="ADAL" clId="{E97A8A5D-0FCA-E347-AB52-7B829F39BF62}" dt="2021-03-04T09:50:55.255" v="3477" actId="555"/>
          <ac:spMkLst>
            <pc:docMk/>
            <pc:sldMk cId="3357511077" sldId="328"/>
            <ac:spMk id="24" creationId="{5AA1D1D2-B248-D040-9E73-9A51F4A8B308}"/>
          </ac:spMkLst>
        </pc:spChg>
        <pc:spChg chg="add mod">
          <ac:chgData name="Daly Donnacha HSLU I" userId="0f22e960-400a-43ff-baeb-4828c8f5cd3a" providerId="ADAL" clId="{E97A8A5D-0FCA-E347-AB52-7B829F39BF62}" dt="2021-03-04T09:51:47.933" v="3486" actId="555"/>
          <ac:spMkLst>
            <pc:docMk/>
            <pc:sldMk cId="3357511077" sldId="328"/>
            <ac:spMk id="25" creationId="{C92B0988-E843-6F43-9A83-C66364BBCB78}"/>
          </ac:spMkLst>
        </pc:spChg>
        <pc:spChg chg="add mod">
          <ac:chgData name="Daly Donnacha HSLU I" userId="0f22e960-400a-43ff-baeb-4828c8f5cd3a" providerId="ADAL" clId="{E97A8A5D-0FCA-E347-AB52-7B829F39BF62}" dt="2021-03-04T09:50:55.255" v="3477" actId="555"/>
          <ac:spMkLst>
            <pc:docMk/>
            <pc:sldMk cId="3357511077" sldId="328"/>
            <ac:spMk id="26" creationId="{596FEDB0-B668-4F45-9B96-85D876A76267}"/>
          </ac:spMkLst>
        </pc:spChg>
        <pc:spChg chg="add mod">
          <ac:chgData name="Daly Donnacha HSLU I" userId="0f22e960-400a-43ff-baeb-4828c8f5cd3a" providerId="ADAL" clId="{E97A8A5D-0FCA-E347-AB52-7B829F39BF62}" dt="2021-03-04T10:52:53.408" v="3887" actId="1076"/>
          <ac:spMkLst>
            <pc:docMk/>
            <pc:sldMk cId="3357511077" sldId="328"/>
            <ac:spMk id="27" creationId="{B92E5F7F-3777-EA4B-80FB-CD815C8D49A5}"/>
          </ac:spMkLst>
        </pc:spChg>
        <pc:spChg chg="add mod">
          <ac:chgData name="Daly Donnacha HSLU I" userId="0f22e960-400a-43ff-baeb-4828c8f5cd3a" providerId="ADAL" clId="{E97A8A5D-0FCA-E347-AB52-7B829F39BF62}" dt="2021-03-04T10:50:27.912" v="3862" actId="1076"/>
          <ac:spMkLst>
            <pc:docMk/>
            <pc:sldMk cId="3357511077" sldId="328"/>
            <ac:spMk id="28" creationId="{214BBF9D-AFAE-7044-8450-41A5D127DF90}"/>
          </ac:spMkLst>
        </pc:spChg>
        <pc:spChg chg="add mod">
          <ac:chgData name="Daly Donnacha HSLU I" userId="0f22e960-400a-43ff-baeb-4828c8f5cd3a" providerId="ADAL" clId="{E97A8A5D-0FCA-E347-AB52-7B829F39BF62}" dt="2021-03-04T10:50:25.820" v="3861" actId="1076"/>
          <ac:spMkLst>
            <pc:docMk/>
            <pc:sldMk cId="3357511077" sldId="328"/>
            <ac:spMk id="29" creationId="{D1F65890-2FF0-014D-BE0B-4C7CAAFABA55}"/>
          </ac:spMkLst>
        </pc:spChg>
        <pc:spChg chg="add mod">
          <ac:chgData name="Daly Donnacha HSLU I" userId="0f22e960-400a-43ff-baeb-4828c8f5cd3a" providerId="ADAL" clId="{E97A8A5D-0FCA-E347-AB52-7B829F39BF62}" dt="2021-03-04T10:26:21.292" v="3745" actId="1037"/>
          <ac:spMkLst>
            <pc:docMk/>
            <pc:sldMk cId="3357511077" sldId="328"/>
            <ac:spMk id="30" creationId="{E7FE1FBA-D189-D742-A161-415DAABFC2FA}"/>
          </ac:spMkLst>
        </pc:spChg>
        <pc:spChg chg="add mod">
          <ac:chgData name="Daly Donnacha HSLU I" userId="0f22e960-400a-43ff-baeb-4828c8f5cd3a" providerId="ADAL" clId="{E97A8A5D-0FCA-E347-AB52-7B829F39BF62}" dt="2021-03-04T11:08:10.418" v="4058" actId="1076"/>
          <ac:spMkLst>
            <pc:docMk/>
            <pc:sldMk cId="3357511077" sldId="328"/>
            <ac:spMk id="31" creationId="{041DA6C4-142D-0B49-A681-7F988E769183}"/>
          </ac:spMkLst>
        </pc:spChg>
        <pc:spChg chg="add mod">
          <ac:chgData name="Daly Donnacha HSLU I" userId="0f22e960-400a-43ff-baeb-4828c8f5cd3a" providerId="ADAL" clId="{E97A8A5D-0FCA-E347-AB52-7B829F39BF62}" dt="2021-03-04T10:27:26.700" v="3756" actId="1038"/>
          <ac:spMkLst>
            <pc:docMk/>
            <pc:sldMk cId="3357511077" sldId="328"/>
            <ac:spMk id="32" creationId="{871318C5-9FAE-234E-9139-936267162423}"/>
          </ac:spMkLst>
        </pc:spChg>
        <pc:spChg chg="add mod">
          <ac:chgData name="Daly Donnacha HSLU I" userId="0f22e960-400a-43ff-baeb-4828c8f5cd3a" providerId="ADAL" clId="{E97A8A5D-0FCA-E347-AB52-7B829F39BF62}" dt="2021-03-04T11:08:06.188" v="4057" actId="1076"/>
          <ac:spMkLst>
            <pc:docMk/>
            <pc:sldMk cId="3357511077" sldId="328"/>
            <ac:spMk id="33" creationId="{39084BA6-27B6-CE4C-A358-1000647506B4}"/>
          </ac:spMkLst>
        </pc:spChg>
        <pc:spChg chg="add del mod">
          <ac:chgData name="Daly Donnacha HSLU I" userId="0f22e960-400a-43ff-baeb-4828c8f5cd3a" providerId="ADAL" clId="{E97A8A5D-0FCA-E347-AB52-7B829F39BF62}" dt="2021-03-04T09:15:27.095" v="2724" actId="478"/>
          <ac:spMkLst>
            <pc:docMk/>
            <pc:sldMk cId="3357511077" sldId="328"/>
            <ac:spMk id="34" creationId="{4AA915E0-F768-3A41-B3DC-4C168651A8C9}"/>
          </ac:spMkLst>
        </pc:spChg>
        <pc:spChg chg="add mod">
          <ac:chgData name="Daly Donnacha HSLU I" userId="0f22e960-400a-43ff-baeb-4828c8f5cd3a" providerId="ADAL" clId="{E97A8A5D-0FCA-E347-AB52-7B829F39BF62}" dt="2021-03-04T09:19:40.579" v="3018" actId="114"/>
          <ac:spMkLst>
            <pc:docMk/>
            <pc:sldMk cId="3357511077" sldId="328"/>
            <ac:spMk id="35" creationId="{3742E14E-E555-7742-9955-5E5DC598CF94}"/>
          </ac:spMkLst>
        </pc:spChg>
        <pc:spChg chg="add mod">
          <ac:chgData name="Daly Donnacha HSLU I" userId="0f22e960-400a-43ff-baeb-4828c8f5cd3a" providerId="ADAL" clId="{E97A8A5D-0FCA-E347-AB52-7B829F39BF62}" dt="2021-03-04T10:54:05.812" v="3896" actId="171"/>
          <ac:spMkLst>
            <pc:docMk/>
            <pc:sldMk cId="3357511077" sldId="328"/>
            <ac:spMk id="36" creationId="{4FCDA4A1-5032-4A47-A243-C18993442EE0}"/>
          </ac:spMkLst>
        </pc:spChg>
        <pc:spChg chg="add mod">
          <ac:chgData name="Daly Donnacha HSLU I" userId="0f22e960-400a-43ff-baeb-4828c8f5cd3a" providerId="ADAL" clId="{E97A8A5D-0FCA-E347-AB52-7B829F39BF62}" dt="2021-03-04T16:34:24.687" v="7862" actId="1037"/>
          <ac:spMkLst>
            <pc:docMk/>
            <pc:sldMk cId="3357511077" sldId="328"/>
            <ac:spMk id="37" creationId="{3B464ABB-0042-0944-AC67-412416898C4E}"/>
          </ac:spMkLst>
        </pc:spChg>
        <pc:spChg chg="add mod">
          <ac:chgData name="Daly Donnacha HSLU I" userId="0f22e960-400a-43ff-baeb-4828c8f5cd3a" providerId="ADAL" clId="{E97A8A5D-0FCA-E347-AB52-7B829F39BF62}" dt="2021-03-04T16:34:32.424" v="7864" actId="14100"/>
          <ac:spMkLst>
            <pc:docMk/>
            <pc:sldMk cId="3357511077" sldId="328"/>
            <ac:spMk id="38" creationId="{38A5B219-01C1-0B4E-816D-1225A8775D84}"/>
          </ac:spMkLst>
        </pc:spChg>
        <pc:spChg chg="add mod">
          <ac:chgData name="Daly Donnacha HSLU I" userId="0f22e960-400a-43ff-baeb-4828c8f5cd3a" providerId="ADAL" clId="{E97A8A5D-0FCA-E347-AB52-7B829F39BF62}" dt="2021-03-04T09:25:30.744" v="3091" actId="108"/>
          <ac:spMkLst>
            <pc:docMk/>
            <pc:sldMk cId="3357511077" sldId="328"/>
            <ac:spMk id="39" creationId="{15A6F0B2-C080-924F-8BC3-0DBBAE94FE74}"/>
          </ac:spMkLst>
        </pc:spChg>
        <pc:spChg chg="add mod">
          <ac:chgData name="Daly Donnacha HSLU I" userId="0f22e960-400a-43ff-baeb-4828c8f5cd3a" providerId="ADAL" clId="{E97A8A5D-0FCA-E347-AB52-7B829F39BF62}" dt="2021-03-04T09:26:11.726" v="3129" actId="20577"/>
          <ac:spMkLst>
            <pc:docMk/>
            <pc:sldMk cId="3357511077" sldId="328"/>
            <ac:spMk id="40" creationId="{A4A60313-7BDE-774D-AA48-0C704FBA1FE4}"/>
          </ac:spMkLst>
        </pc:spChg>
        <pc:spChg chg="add del mod">
          <ac:chgData name="Daly Donnacha HSLU I" userId="0f22e960-400a-43ff-baeb-4828c8f5cd3a" providerId="ADAL" clId="{E97A8A5D-0FCA-E347-AB52-7B829F39BF62}" dt="2021-03-04T10:15:13.749" v="3597" actId="478"/>
          <ac:spMkLst>
            <pc:docMk/>
            <pc:sldMk cId="3357511077" sldId="328"/>
            <ac:spMk id="41" creationId="{F00CC13E-34CB-D24A-95DA-7D95995AC29B}"/>
          </ac:spMkLst>
        </pc:spChg>
        <pc:spChg chg="add del mod">
          <ac:chgData name="Daly Donnacha HSLU I" userId="0f22e960-400a-43ff-baeb-4828c8f5cd3a" providerId="ADAL" clId="{E97A8A5D-0FCA-E347-AB52-7B829F39BF62}" dt="2021-03-04T10:15:28.021" v="3600" actId="478"/>
          <ac:spMkLst>
            <pc:docMk/>
            <pc:sldMk cId="3357511077" sldId="328"/>
            <ac:spMk id="42" creationId="{06ACD856-8B7D-3B42-A279-EFD1F271BC84}"/>
          </ac:spMkLst>
        </pc:spChg>
        <pc:spChg chg="add mod">
          <ac:chgData name="Daly Donnacha HSLU I" userId="0f22e960-400a-43ff-baeb-4828c8f5cd3a" providerId="ADAL" clId="{E97A8A5D-0FCA-E347-AB52-7B829F39BF62}" dt="2021-03-04T11:07:45.284" v="4053" actId="14100"/>
          <ac:spMkLst>
            <pc:docMk/>
            <pc:sldMk cId="3357511077" sldId="328"/>
            <ac:spMk id="43" creationId="{A7C371D0-B889-AC49-982E-BA7394E5AEA9}"/>
          </ac:spMkLst>
        </pc:spChg>
        <pc:spChg chg="add mod">
          <ac:chgData name="Daly Donnacha HSLU I" userId="0f22e960-400a-43ff-baeb-4828c8f5cd3a" providerId="ADAL" clId="{E97A8A5D-0FCA-E347-AB52-7B829F39BF62}" dt="2021-03-04T10:27:26.700" v="3756" actId="1038"/>
          <ac:spMkLst>
            <pc:docMk/>
            <pc:sldMk cId="3357511077" sldId="328"/>
            <ac:spMk id="44" creationId="{E17F099B-5C5F-1445-9A1A-661BA8DA00C7}"/>
          </ac:spMkLst>
        </pc:spChg>
        <pc:spChg chg="add mod">
          <ac:chgData name="Daly Donnacha HSLU I" userId="0f22e960-400a-43ff-baeb-4828c8f5cd3a" providerId="ADAL" clId="{E97A8A5D-0FCA-E347-AB52-7B829F39BF62}" dt="2021-03-04T10:27:26.700" v="3756" actId="1038"/>
          <ac:spMkLst>
            <pc:docMk/>
            <pc:sldMk cId="3357511077" sldId="328"/>
            <ac:spMk id="45" creationId="{29EA07C5-1004-6C40-8BF6-69E6C76F4507}"/>
          </ac:spMkLst>
        </pc:spChg>
        <pc:spChg chg="add mod">
          <ac:chgData name="Daly Donnacha HSLU I" userId="0f22e960-400a-43ff-baeb-4828c8f5cd3a" providerId="ADAL" clId="{E97A8A5D-0FCA-E347-AB52-7B829F39BF62}" dt="2021-03-04T10:27:26.700" v="3756" actId="1038"/>
          <ac:spMkLst>
            <pc:docMk/>
            <pc:sldMk cId="3357511077" sldId="328"/>
            <ac:spMk id="46" creationId="{ECC3CAFC-67EA-0647-A32F-08EF1950C9D0}"/>
          </ac:spMkLst>
        </pc:spChg>
        <pc:spChg chg="add mod">
          <ac:chgData name="Daly Donnacha HSLU I" userId="0f22e960-400a-43ff-baeb-4828c8f5cd3a" providerId="ADAL" clId="{E97A8A5D-0FCA-E347-AB52-7B829F39BF62}" dt="2021-03-04T11:08:00.342" v="4055" actId="14100"/>
          <ac:spMkLst>
            <pc:docMk/>
            <pc:sldMk cId="3357511077" sldId="328"/>
            <ac:spMk id="47" creationId="{94526619-B556-DD41-8824-DE3DCD1D92D1}"/>
          </ac:spMkLst>
        </pc:spChg>
        <pc:spChg chg="add mod">
          <ac:chgData name="Daly Donnacha HSLU I" userId="0f22e960-400a-43ff-baeb-4828c8f5cd3a" providerId="ADAL" clId="{E97A8A5D-0FCA-E347-AB52-7B829F39BF62}" dt="2021-03-04T10:27:26.700" v="3756" actId="1038"/>
          <ac:spMkLst>
            <pc:docMk/>
            <pc:sldMk cId="3357511077" sldId="328"/>
            <ac:spMk id="48" creationId="{477BB985-E032-1E40-8A82-F58AFE5B386E}"/>
          </ac:spMkLst>
        </pc:spChg>
        <pc:spChg chg="add mod">
          <ac:chgData name="Daly Donnacha HSLU I" userId="0f22e960-400a-43ff-baeb-4828c8f5cd3a" providerId="ADAL" clId="{E97A8A5D-0FCA-E347-AB52-7B829F39BF62}" dt="2021-03-04T10:53:53.744" v="3894" actId="171"/>
          <ac:spMkLst>
            <pc:docMk/>
            <pc:sldMk cId="3357511077" sldId="328"/>
            <ac:spMk id="49" creationId="{EB9F0151-0C78-0342-8586-2EDA1FA6A04E}"/>
          </ac:spMkLst>
        </pc:spChg>
        <pc:spChg chg="add mod">
          <ac:chgData name="Daly Donnacha HSLU I" userId="0f22e960-400a-43ff-baeb-4828c8f5cd3a" providerId="ADAL" clId="{E97A8A5D-0FCA-E347-AB52-7B829F39BF62}" dt="2021-03-04T10:46:34.555" v="3839" actId="1076"/>
          <ac:spMkLst>
            <pc:docMk/>
            <pc:sldMk cId="3357511077" sldId="328"/>
            <ac:spMk id="50" creationId="{D33DF063-5605-2340-BF98-013CCB09A586}"/>
          </ac:spMkLst>
        </pc:spChg>
        <pc:grpChg chg="add mod">
          <ac:chgData name="Daly Donnacha HSLU I" userId="0f22e960-400a-43ff-baeb-4828c8f5cd3a" providerId="ADAL" clId="{E97A8A5D-0FCA-E347-AB52-7B829F39BF62}" dt="2021-03-04T10:51:30.531" v="3871" actId="167"/>
          <ac:grpSpMkLst>
            <pc:docMk/>
            <pc:sldMk cId="3357511077" sldId="328"/>
            <ac:grpSpMk id="10" creationId="{E1CBA5F3-C570-8745-8513-2516F1AB3FA9}"/>
          </ac:grpSpMkLst>
        </pc:grpChg>
        <pc:graphicFrameChg chg="add mod modGraphic">
          <ac:chgData name="Daly Donnacha HSLU I" userId="0f22e960-400a-43ff-baeb-4828c8f5cd3a" providerId="ADAL" clId="{E97A8A5D-0FCA-E347-AB52-7B829F39BF62}" dt="2021-03-04T08:46:59.216" v="2263" actId="20577"/>
          <ac:graphicFrameMkLst>
            <pc:docMk/>
            <pc:sldMk cId="3357511077" sldId="328"/>
            <ac:graphicFrameMk id="4" creationId="{984C1C2B-F122-5A40-B0E1-552045239905}"/>
          </ac:graphicFrameMkLst>
        </pc:graphicFrameChg>
      </pc:sldChg>
      <pc:sldChg chg="addSp delSp modSp new add del mod">
        <pc:chgData name="Daly Donnacha HSLU I" userId="0f22e960-400a-43ff-baeb-4828c8f5cd3a" providerId="ADAL" clId="{E97A8A5D-0FCA-E347-AB52-7B829F39BF62}" dt="2021-03-04T14:11:38.848" v="6212" actId="2696"/>
        <pc:sldMkLst>
          <pc:docMk/>
          <pc:sldMk cId="332819276" sldId="329"/>
        </pc:sldMkLst>
        <pc:spChg chg="mod">
          <ac:chgData name="Daly Donnacha HSLU I" userId="0f22e960-400a-43ff-baeb-4828c8f5cd3a" providerId="ADAL" clId="{E97A8A5D-0FCA-E347-AB52-7B829F39BF62}" dt="2021-03-04T13:55:19.735" v="5948" actId="20577"/>
          <ac:spMkLst>
            <pc:docMk/>
            <pc:sldMk cId="332819276" sldId="329"/>
            <ac:spMk id="2" creationId="{01791B42-B9B5-A149-9B12-56EBFB802C8E}"/>
          </ac:spMkLst>
        </pc:spChg>
        <pc:spChg chg="add del mod">
          <ac:chgData name="Daly Donnacha HSLU I" userId="0f22e960-400a-43ff-baeb-4828c8f5cd3a" providerId="ADAL" clId="{E97A8A5D-0FCA-E347-AB52-7B829F39BF62}" dt="2021-03-04T13:54:41.599" v="5918" actId="478"/>
          <ac:spMkLst>
            <pc:docMk/>
            <pc:sldMk cId="332819276" sldId="329"/>
            <ac:spMk id="3" creationId="{21C2CB23-91CE-F74F-AA91-0C01C905E03B}"/>
          </ac:spMkLst>
        </pc:spChg>
        <pc:picChg chg="add del mod">
          <ac:chgData name="Daly Donnacha HSLU I" userId="0f22e960-400a-43ff-baeb-4828c8f5cd3a" providerId="ADAL" clId="{E97A8A5D-0FCA-E347-AB52-7B829F39BF62}" dt="2021-03-04T13:55:29.351" v="5952" actId="478"/>
          <ac:picMkLst>
            <pc:docMk/>
            <pc:sldMk cId="332819276" sldId="329"/>
            <ac:picMk id="11266" creationId="{2713DAC3-F1F0-2942-92FC-67BCFA7B1B1E}"/>
          </ac:picMkLst>
        </pc:picChg>
      </pc:sldChg>
      <pc:sldChg chg="addSp delSp modSp add mod">
        <pc:chgData name="Daly Donnacha HSLU I" userId="0f22e960-400a-43ff-baeb-4828c8f5cd3a" providerId="ADAL" clId="{E97A8A5D-0FCA-E347-AB52-7B829F39BF62}" dt="2021-03-04T14:21:50.748" v="6421" actId="14100"/>
        <pc:sldMkLst>
          <pc:docMk/>
          <pc:sldMk cId="3178409693" sldId="329"/>
        </pc:sldMkLst>
        <pc:spChg chg="mod">
          <ac:chgData name="Daly Donnacha HSLU I" userId="0f22e960-400a-43ff-baeb-4828c8f5cd3a" providerId="ADAL" clId="{E97A8A5D-0FCA-E347-AB52-7B829F39BF62}" dt="2021-03-04T14:12:28.651" v="6286" actId="20577"/>
          <ac:spMkLst>
            <pc:docMk/>
            <pc:sldMk cId="3178409693" sldId="329"/>
            <ac:spMk id="2" creationId="{34CFC05A-5BA7-DF45-A8C9-31C1B0F491D0}"/>
          </ac:spMkLst>
        </pc:spChg>
        <pc:spChg chg="add mod">
          <ac:chgData name="Daly Donnacha HSLU I" userId="0f22e960-400a-43ff-baeb-4828c8f5cd3a" providerId="ADAL" clId="{E97A8A5D-0FCA-E347-AB52-7B829F39BF62}" dt="2021-03-04T14:20:04.805" v="6411" actId="207"/>
          <ac:spMkLst>
            <pc:docMk/>
            <pc:sldMk cId="3178409693" sldId="329"/>
            <ac:spMk id="4" creationId="{20BBD3F1-1046-4440-A1C1-7D359B787078}"/>
          </ac:spMkLst>
        </pc:spChg>
        <pc:spChg chg="add mod">
          <ac:chgData name="Daly Donnacha HSLU I" userId="0f22e960-400a-43ff-baeb-4828c8f5cd3a" providerId="ADAL" clId="{E97A8A5D-0FCA-E347-AB52-7B829F39BF62}" dt="2021-03-04T14:21:50.748" v="6421" actId="14100"/>
          <ac:spMkLst>
            <pc:docMk/>
            <pc:sldMk cId="3178409693" sldId="329"/>
            <ac:spMk id="6" creationId="{506EC87E-908E-A142-A2DF-5C44F9AE0ECE}"/>
          </ac:spMkLst>
        </pc:spChg>
        <pc:spChg chg="del">
          <ac:chgData name="Daly Donnacha HSLU I" userId="0f22e960-400a-43ff-baeb-4828c8f5cd3a" providerId="ADAL" clId="{E97A8A5D-0FCA-E347-AB52-7B829F39BF62}" dt="2021-03-04T14:12:36.688" v="6289" actId="478"/>
          <ac:spMkLst>
            <pc:docMk/>
            <pc:sldMk cId="3178409693" sldId="329"/>
            <ac:spMk id="11" creationId="{295A7D44-FF0E-DC47-AF4A-B7A1DFFEC2C4}"/>
          </ac:spMkLst>
        </pc:spChg>
        <pc:picChg chg="add mod modCrop">
          <ac:chgData name="Daly Donnacha HSLU I" userId="0f22e960-400a-43ff-baeb-4828c8f5cd3a" providerId="ADAL" clId="{E97A8A5D-0FCA-E347-AB52-7B829F39BF62}" dt="2021-03-04T14:20:50.504" v="6413" actId="732"/>
          <ac:picMkLst>
            <pc:docMk/>
            <pc:sldMk cId="3178409693" sldId="329"/>
            <ac:picMk id="3" creationId="{A5F6CE59-0A7C-524C-BD4A-E5541484B443}"/>
          </ac:picMkLst>
        </pc:picChg>
        <pc:picChg chg="add del mod">
          <ac:chgData name="Daly Donnacha HSLU I" userId="0f22e960-400a-43ff-baeb-4828c8f5cd3a" providerId="ADAL" clId="{E97A8A5D-0FCA-E347-AB52-7B829F39BF62}" dt="2021-03-04T14:18:48.116" v="6395" actId="478"/>
          <ac:picMkLst>
            <pc:docMk/>
            <pc:sldMk cId="3178409693" sldId="329"/>
            <ac:picMk id="5" creationId="{7EAE8C53-7CD9-D34F-A21C-52B0AC5EF4F2}"/>
          </ac:picMkLst>
        </pc:picChg>
        <pc:picChg chg="del mod">
          <ac:chgData name="Daly Donnacha HSLU I" userId="0f22e960-400a-43ff-baeb-4828c8f5cd3a" providerId="ADAL" clId="{E97A8A5D-0FCA-E347-AB52-7B829F39BF62}" dt="2021-03-04T14:12:33.114" v="6288" actId="478"/>
          <ac:picMkLst>
            <pc:docMk/>
            <pc:sldMk cId="3178409693" sldId="329"/>
            <ac:picMk id="10" creationId="{3587E0B4-3F44-894C-9367-194F17E122B9}"/>
          </ac:picMkLst>
        </pc:picChg>
        <pc:picChg chg="add del">
          <ac:chgData name="Daly Donnacha HSLU I" userId="0f22e960-400a-43ff-baeb-4828c8f5cd3a" providerId="ADAL" clId="{E97A8A5D-0FCA-E347-AB52-7B829F39BF62}" dt="2021-03-04T14:19:04.164" v="6397"/>
          <ac:picMkLst>
            <pc:docMk/>
            <pc:sldMk cId="3178409693" sldId="329"/>
            <ac:picMk id="12290" creationId="{6DC1D3CB-77BF-044C-B3C3-5CEA5269B964}"/>
          </ac:picMkLst>
        </pc:picChg>
      </pc:sldChg>
      <pc:sldChg chg="addSp delSp modSp new del mod">
        <pc:chgData name="Daly Donnacha HSLU I" userId="0f22e960-400a-43ff-baeb-4828c8f5cd3a" providerId="ADAL" clId="{E97A8A5D-0FCA-E347-AB52-7B829F39BF62}" dt="2021-03-04T14:38:48.775" v="6929" actId="2696"/>
        <pc:sldMkLst>
          <pc:docMk/>
          <pc:sldMk cId="2947242761" sldId="330"/>
        </pc:sldMkLst>
        <pc:spChg chg="add del mod">
          <ac:chgData name="Daly Donnacha HSLU I" userId="0f22e960-400a-43ff-baeb-4828c8f5cd3a" providerId="ADAL" clId="{E97A8A5D-0FCA-E347-AB52-7B829F39BF62}" dt="2021-03-04T14:29:39.081" v="6644" actId="478"/>
          <ac:spMkLst>
            <pc:docMk/>
            <pc:sldMk cId="2947242761" sldId="330"/>
            <ac:spMk id="2" creationId="{236FE61B-2B78-DE47-98FF-FA07ABC5322F}"/>
          </ac:spMkLst>
        </pc:spChg>
        <pc:picChg chg="add mod">
          <ac:chgData name="Daly Donnacha HSLU I" userId="0f22e960-400a-43ff-baeb-4828c8f5cd3a" providerId="ADAL" clId="{E97A8A5D-0FCA-E347-AB52-7B829F39BF62}" dt="2021-03-04T14:30:10.536" v="6688" actId="1076"/>
          <ac:picMkLst>
            <pc:docMk/>
            <pc:sldMk cId="2947242761" sldId="330"/>
            <ac:picMk id="13314" creationId="{84DB15F1-E825-0C41-8A2E-E33F03172532}"/>
          </ac:picMkLst>
        </pc:picChg>
      </pc:sldChg>
      <pc:sldChg chg="addSp modSp new mod ord">
        <pc:chgData name="Daly Donnacha HSLU I" userId="0f22e960-400a-43ff-baeb-4828c8f5cd3a" providerId="ADAL" clId="{E97A8A5D-0FCA-E347-AB52-7B829F39BF62}" dt="2021-03-04T14:49:08.887" v="7714" actId="20578"/>
        <pc:sldMkLst>
          <pc:docMk/>
          <pc:sldMk cId="444755784" sldId="331"/>
        </pc:sldMkLst>
        <pc:spChg chg="mod">
          <ac:chgData name="Daly Donnacha HSLU I" userId="0f22e960-400a-43ff-baeb-4828c8f5cd3a" providerId="ADAL" clId="{E97A8A5D-0FCA-E347-AB52-7B829F39BF62}" dt="2021-03-04T14:29:52.950" v="6682" actId="20577"/>
          <ac:spMkLst>
            <pc:docMk/>
            <pc:sldMk cId="444755784" sldId="331"/>
            <ac:spMk id="2" creationId="{A4902539-EE4B-154E-99C1-A5761D28C6E6}"/>
          </ac:spMkLst>
        </pc:spChg>
        <pc:spChg chg="add mod">
          <ac:chgData name="Daly Donnacha HSLU I" userId="0f22e960-400a-43ff-baeb-4828c8f5cd3a" providerId="ADAL" clId="{E97A8A5D-0FCA-E347-AB52-7B829F39BF62}" dt="2021-03-04T14:30:05.610" v="6687" actId="1076"/>
          <ac:spMkLst>
            <pc:docMk/>
            <pc:sldMk cId="444755784" sldId="331"/>
            <ac:spMk id="3" creationId="{4DAA6750-53DF-F644-8B66-FDAEDDF79F46}"/>
          </ac:spMkLst>
        </pc:spChg>
        <pc:spChg chg="add mod">
          <ac:chgData name="Daly Donnacha HSLU I" userId="0f22e960-400a-43ff-baeb-4828c8f5cd3a" providerId="ADAL" clId="{E97A8A5D-0FCA-E347-AB52-7B829F39BF62}" dt="2021-03-04T14:45:15.340" v="7551" actId="14100"/>
          <ac:spMkLst>
            <pc:docMk/>
            <pc:sldMk cId="444755784" sldId="331"/>
            <ac:spMk id="4" creationId="{07AE0642-5030-9240-938B-879AE7156DD7}"/>
          </ac:spMkLst>
        </pc:spChg>
        <pc:spChg chg="add mod">
          <ac:chgData name="Daly Donnacha HSLU I" userId="0f22e960-400a-43ff-baeb-4828c8f5cd3a" providerId="ADAL" clId="{E97A8A5D-0FCA-E347-AB52-7B829F39BF62}" dt="2021-03-04T14:45:21.448" v="7553" actId="14100"/>
          <ac:spMkLst>
            <pc:docMk/>
            <pc:sldMk cId="444755784" sldId="331"/>
            <ac:spMk id="5" creationId="{116EE944-5803-3F4F-96A0-07D77E2F0C5C}"/>
          </ac:spMkLst>
        </pc:spChg>
      </pc:sldChg>
    </pc:docChg>
  </pc:docChgLst>
  <pc:docChgLst>
    <pc:chgData name="Daly Donnacha HSLU I" userId="0f22e960-400a-43ff-baeb-4828c8f5cd3a" providerId="ADAL" clId="{D67F3DAC-9F8B-0247-A770-790420EFD6BF}"/>
    <pc:docChg chg="custSel modSld modMainMaster">
      <pc:chgData name="Daly Donnacha HSLU I" userId="0f22e960-400a-43ff-baeb-4828c8f5cd3a" providerId="ADAL" clId="{D67F3DAC-9F8B-0247-A770-790420EFD6BF}" dt="2023-09-28T08:44:10.876" v="20" actId="1076"/>
      <pc:docMkLst>
        <pc:docMk/>
      </pc:docMkLst>
      <pc:sldChg chg="addSp delSp modSp mod">
        <pc:chgData name="Daly Donnacha HSLU I" userId="0f22e960-400a-43ff-baeb-4828c8f5cd3a" providerId="ADAL" clId="{D67F3DAC-9F8B-0247-A770-790420EFD6BF}" dt="2023-09-28T08:44:10.876" v="20" actId="1076"/>
        <pc:sldMkLst>
          <pc:docMk/>
          <pc:sldMk cId="2084191560" sldId="370"/>
        </pc:sldMkLst>
        <pc:spChg chg="add del mod">
          <ac:chgData name="Daly Donnacha HSLU I" userId="0f22e960-400a-43ff-baeb-4828c8f5cd3a" providerId="ADAL" clId="{D67F3DAC-9F8B-0247-A770-790420EFD6BF}" dt="2023-09-28T08:43:12.501" v="1" actId="478"/>
          <ac:spMkLst>
            <pc:docMk/>
            <pc:sldMk cId="2084191560" sldId="370"/>
            <ac:spMk id="5" creationId="{851BC2BC-C850-0EEF-11F8-88D115883115}"/>
          </ac:spMkLst>
        </pc:spChg>
        <pc:spChg chg="add mod">
          <ac:chgData name="Daly Donnacha HSLU I" userId="0f22e960-400a-43ff-baeb-4828c8f5cd3a" providerId="ADAL" clId="{D67F3DAC-9F8B-0247-A770-790420EFD6BF}" dt="2023-09-28T08:44:10.876" v="20" actId="1076"/>
          <ac:spMkLst>
            <pc:docMk/>
            <pc:sldMk cId="2084191560" sldId="370"/>
            <ac:spMk id="7" creationId="{7293E54D-2B64-B7F3-C824-882344F7F134}"/>
          </ac:spMkLst>
        </pc:spChg>
      </pc:sldChg>
      <pc:sldMasterChg chg="modSldLayout">
        <pc:chgData name="Daly Donnacha HSLU I" userId="0f22e960-400a-43ff-baeb-4828c8f5cd3a" providerId="ADAL" clId="{D67F3DAC-9F8B-0247-A770-790420EFD6BF}" dt="2023-09-28T08:43:23.554" v="3" actId="478"/>
        <pc:sldMasterMkLst>
          <pc:docMk/>
          <pc:sldMasterMk cId="0" sldId="2147483648"/>
        </pc:sldMasterMkLst>
        <pc:sldLayoutChg chg="delSp modSp mod">
          <pc:chgData name="Daly Donnacha HSLU I" userId="0f22e960-400a-43ff-baeb-4828c8f5cd3a" providerId="ADAL" clId="{D67F3DAC-9F8B-0247-A770-790420EFD6BF}" dt="2023-09-28T08:43:23.554" v="3" actId="478"/>
          <pc:sldLayoutMkLst>
            <pc:docMk/>
            <pc:sldMasterMk cId="0" sldId="2147483648"/>
            <pc:sldLayoutMk cId="699981127" sldId="2147483742"/>
          </pc:sldLayoutMkLst>
          <pc:spChg chg="del mod">
            <ac:chgData name="Daly Donnacha HSLU I" userId="0f22e960-400a-43ff-baeb-4828c8f5cd3a" providerId="ADAL" clId="{D67F3DAC-9F8B-0247-A770-790420EFD6BF}" dt="2023-09-28T08:43:23.554" v="3" actId="478"/>
            <ac:spMkLst>
              <pc:docMk/>
              <pc:sldMasterMk cId="0" sldId="2147483648"/>
              <pc:sldLayoutMk cId="699981127" sldId="2147483742"/>
              <ac:spMk id="5" creationId="{A41B8AB7-4C4C-FD5F-1533-13926F703D74}"/>
            </ac:spMkLst>
          </pc:spChg>
        </pc:sldLayoutChg>
      </pc:sldMasterChg>
    </pc:docChg>
  </pc:docChgLst>
  <pc:docChgLst>
    <pc:chgData name="Daly Donnacha HSLU I" userId="0f22e960-400a-43ff-baeb-4828c8f5cd3a" providerId="ADAL" clId="{1879CA28-5272-A94F-BF0B-460FF965AE07}"/>
    <pc:docChg chg="undo custSel addSld delSld modSld sldOrd modShowInfo">
      <pc:chgData name="Daly Donnacha HSLU I" userId="0f22e960-400a-43ff-baeb-4828c8f5cd3a" providerId="ADAL" clId="{1879CA28-5272-A94F-BF0B-460FF965AE07}" dt="2022-03-04T06:30:23.435" v="1638" actId="14100"/>
      <pc:docMkLst>
        <pc:docMk/>
      </pc:docMkLst>
      <pc:sldChg chg="add del">
        <pc:chgData name="Daly Donnacha HSLU I" userId="0f22e960-400a-43ff-baeb-4828c8f5cd3a" providerId="ADAL" clId="{1879CA28-5272-A94F-BF0B-460FF965AE07}" dt="2022-03-04T03:11:27.674" v="12" actId="2696"/>
        <pc:sldMkLst>
          <pc:docMk/>
          <pc:sldMk cId="0" sldId="256"/>
        </pc:sldMkLst>
      </pc:sldChg>
      <pc:sldChg chg="del">
        <pc:chgData name="Daly Donnacha HSLU I" userId="0f22e960-400a-43ff-baeb-4828c8f5cd3a" providerId="ADAL" clId="{1879CA28-5272-A94F-BF0B-460FF965AE07}" dt="2022-03-04T03:13:35.237" v="67" actId="2696"/>
        <pc:sldMkLst>
          <pc:docMk/>
          <pc:sldMk cId="2069180595" sldId="293"/>
        </pc:sldMkLst>
      </pc:sldChg>
      <pc:sldChg chg="del">
        <pc:chgData name="Daly Donnacha HSLU I" userId="0f22e960-400a-43ff-baeb-4828c8f5cd3a" providerId="ADAL" clId="{1879CA28-5272-A94F-BF0B-460FF965AE07}" dt="2022-03-04T03:13:35.697" v="68" actId="2696"/>
        <pc:sldMkLst>
          <pc:docMk/>
          <pc:sldMk cId="256036251" sldId="294"/>
        </pc:sldMkLst>
      </pc:sldChg>
      <pc:sldChg chg="del">
        <pc:chgData name="Daly Donnacha HSLU I" userId="0f22e960-400a-43ff-baeb-4828c8f5cd3a" providerId="ADAL" clId="{1879CA28-5272-A94F-BF0B-460FF965AE07}" dt="2022-03-04T04:42:47.509" v="1601" actId="2696"/>
        <pc:sldMkLst>
          <pc:docMk/>
          <pc:sldMk cId="422731333" sldId="295"/>
        </pc:sldMkLst>
      </pc:sldChg>
      <pc:sldChg chg="del">
        <pc:chgData name="Daly Donnacha HSLU I" userId="0f22e960-400a-43ff-baeb-4828c8f5cd3a" providerId="ADAL" clId="{1879CA28-5272-A94F-BF0B-460FF965AE07}" dt="2022-03-04T03:20:09.932" v="116" actId="2696"/>
        <pc:sldMkLst>
          <pc:docMk/>
          <pc:sldMk cId="1824202436" sldId="300"/>
        </pc:sldMkLst>
      </pc:sldChg>
      <pc:sldChg chg="del">
        <pc:chgData name="Daly Donnacha HSLU I" userId="0f22e960-400a-43ff-baeb-4828c8f5cd3a" providerId="ADAL" clId="{1879CA28-5272-A94F-BF0B-460FF965AE07}" dt="2022-03-04T04:26:56.813" v="1410" actId="2696"/>
        <pc:sldMkLst>
          <pc:docMk/>
          <pc:sldMk cId="2687342508" sldId="301"/>
        </pc:sldMkLst>
      </pc:sldChg>
      <pc:sldChg chg="del">
        <pc:chgData name="Daly Donnacha HSLU I" userId="0f22e960-400a-43ff-baeb-4828c8f5cd3a" providerId="ADAL" clId="{1879CA28-5272-A94F-BF0B-460FF965AE07}" dt="2022-03-04T04:25:28.545" v="1384" actId="2696"/>
        <pc:sldMkLst>
          <pc:docMk/>
          <pc:sldMk cId="1997156730" sldId="302"/>
        </pc:sldMkLst>
      </pc:sldChg>
      <pc:sldChg chg="del">
        <pc:chgData name="Daly Donnacha HSLU I" userId="0f22e960-400a-43ff-baeb-4828c8f5cd3a" providerId="ADAL" clId="{1879CA28-5272-A94F-BF0B-460FF965AE07}" dt="2022-03-04T04:28:37.030" v="1447" actId="2696"/>
        <pc:sldMkLst>
          <pc:docMk/>
          <pc:sldMk cId="3107213304" sldId="303"/>
        </pc:sldMkLst>
      </pc:sldChg>
      <pc:sldChg chg="del">
        <pc:chgData name="Daly Donnacha HSLU I" userId="0f22e960-400a-43ff-baeb-4828c8f5cd3a" providerId="ADAL" clId="{1879CA28-5272-A94F-BF0B-460FF965AE07}" dt="2022-03-04T04:40:17.059" v="1564" actId="2696"/>
        <pc:sldMkLst>
          <pc:docMk/>
          <pc:sldMk cId="491426249" sldId="304"/>
        </pc:sldMkLst>
      </pc:sldChg>
      <pc:sldChg chg="del">
        <pc:chgData name="Daly Donnacha HSLU I" userId="0f22e960-400a-43ff-baeb-4828c8f5cd3a" providerId="ADAL" clId="{1879CA28-5272-A94F-BF0B-460FF965AE07}" dt="2022-03-04T04:36:45.831" v="1509" actId="2696"/>
        <pc:sldMkLst>
          <pc:docMk/>
          <pc:sldMk cId="118083533" sldId="305"/>
        </pc:sldMkLst>
      </pc:sldChg>
      <pc:sldChg chg="del ord">
        <pc:chgData name="Daly Donnacha HSLU I" userId="0f22e960-400a-43ff-baeb-4828c8f5cd3a" providerId="ADAL" clId="{1879CA28-5272-A94F-BF0B-460FF965AE07}" dt="2022-03-04T04:41:59.364" v="1591" actId="2696"/>
        <pc:sldMkLst>
          <pc:docMk/>
          <pc:sldMk cId="1811375172" sldId="309"/>
        </pc:sldMkLst>
      </pc:sldChg>
      <pc:sldChg chg="del">
        <pc:chgData name="Daly Donnacha HSLU I" userId="0f22e960-400a-43ff-baeb-4828c8f5cd3a" providerId="ADAL" clId="{1879CA28-5272-A94F-BF0B-460FF965AE07}" dt="2022-03-04T04:23:40.654" v="1319" actId="2696"/>
        <pc:sldMkLst>
          <pc:docMk/>
          <pc:sldMk cId="3357511077" sldId="328"/>
        </pc:sldMkLst>
      </pc:sldChg>
      <pc:sldChg chg="delSp modSp add del mod">
        <pc:chgData name="Daly Donnacha HSLU I" userId="0f22e960-400a-43ff-baeb-4828c8f5cd3a" providerId="ADAL" clId="{1879CA28-5272-A94F-BF0B-460FF965AE07}" dt="2022-03-04T06:05:32.938" v="1603" actId="20577"/>
        <pc:sldMkLst>
          <pc:docMk/>
          <pc:sldMk cId="0" sldId="332"/>
        </pc:sldMkLst>
        <pc:spChg chg="mod">
          <ac:chgData name="Daly Donnacha HSLU I" userId="0f22e960-400a-43ff-baeb-4828c8f5cd3a" providerId="ADAL" clId="{1879CA28-5272-A94F-BF0B-460FF965AE07}" dt="2022-03-04T06:05:32.938" v="1603" actId="20577"/>
          <ac:spMkLst>
            <pc:docMk/>
            <pc:sldMk cId="0" sldId="332"/>
            <ac:spMk id="3" creationId="{B84D3AA7-7A54-1D4E-973E-626D1433D5A3}"/>
          </ac:spMkLst>
        </pc:spChg>
        <pc:spChg chg="del">
          <ac:chgData name="Daly Donnacha HSLU I" userId="0f22e960-400a-43ff-baeb-4828c8f5cd3a" providerId="ADAL" clId="{1879CA28-5272-A94F-BF0B-460FF965AE07}" dt="2022-03-04T03:10:25.120" v="8" actId="478"/>
          <ac:spMkLst>
            <pc:docMk/>
            <pc:sldMk cId="0" sldId="332"/>
            <ac:spMk id="4" creationId="{D8CD72BC-1E2C-7248-B3B9-C3C01A05EEFB}"/>
          </ac:spMkLst>
        </pc:spChg>
        <pc:spChg chg="del">
          <ac:chgData name="Daly Donnacha HSLU I" userId="0f22e960-400a-43ff-baeb-4828c8f5cd3a" providerId="ADAL" clId="{1879CA28-5272-A94F-BF0B-460FF965AE07}" dt="2022-03-04T03:10:27.282" v="9" actId="478"/>
          <ac:spMkLst>
            <pc:docMk/>
            <pc:sldMk cId="0" sldId="332"/>
            <ac:spMk id="7" creationId="{0FB1D47B-7AAF-2143-81A2-E7192CB94E64}"/>
          </ac:spMkLst>
        </pc:spChg>
        <pc:spChg chg="del">
          <ac:chgData name="Daly Donnacha HSLU I" userId="0f22e960-400a-43ff-baeb-4828c8f5cd3a" providerId="ADAL" clId="{1879CA28-5272-A94F-BF0B-460FF965AE07}" dt="2022-03-04T03:10:20.676" v="6" actId="478"/>
          <ac:spMkLst>
            <pc:docMk/>
            <pc:sldMk cId="0" sldId="332"/>
            <ac:spMk id="9" creationId="{3CACE796-8333-4744-94F0-1AD2CF61FD02}"/>
          </ac:spMkLst>
        </pc:spChg>
        <pc:picChg chg="del">
          <ac:chgData name="Daly Donnacha HSLU I" userId="0f22e960-400a-43ff-baeb-4828c8f5cd3a" providerId="ADAL" clId="{1879CA28-5272-A94F-BF0B-460FF965AE07}" dt="2022-03-04T03:10:23.066" v="7" actId="478"/>
          <ac:picMkLst>
            <pc:docMk/>
            <pc:sldMk cId="0" sldId="332"/>
            <ac:picMk id="2" creationId="{B701B9FE-6128-204F-AEFD-ADB40162E055}"/>
          </ac:picMkLst>
        </pc:picChg>
      </pc:sldChg>
      <pc:sldChg chg="addSp modSp add mod">
        <pc:chgData name="Daly Donnacha HSLU I" userId="0f22e960-400a-43ff-baeb-4828c8f5cd3a" providerId="ADAL" clId="{1879CA28-5272-A94F-BF0B-460FF965AE07}" dt="2022-03-04T03:12:40.576" v="58"/>
        <pc:sldMkLst>
          <pc:docMk/>
          <pc:sldMk cId="2712979170" sldId="333"/>
        </pc:sldMkLst>
        <pc:spChg chg="mod">
          <ac:chgData name="Daly Donnacha HSLU I" userId="0f22e960-400a-43ff-baeb-4828c8f5cd3a" providerId="ADAL" clId="{1879CA28-5272-A94F-BF0B-460FF965AE07}" dt="2022-03-04T03:12:21.989" v="56" actId="20577"/>
          <ac:spMkLst>
            <pc:docMk/>
            <pc:sldMk cId="2712979170" sldId="333"/>
            <ac:spMk id="2" creationId="{FBEC07C5-7942-9C4E-AF10-49BAE4A402D1}"/>
          </ac:spMkLst>
        </pc:spChg>
        <pc:spChg chg="add mod">
          <ac:chgData name="Daly Donnacha HSLU I" userId="0f22e960-400a-43ff-baeb-4828c8f5cd3a" providerId="ADAL" clId="{1879CA28-5272-A94F-BF0B-460FF965AE07}" dt="2022-03-04T03:12:33.528" v="57"/>
          <ac:spMkLst>
            <pc:docMk/>
            <pc:sldMk cId="2712979170" sldId="333"/>
            <ac:spMk id="3" creationId="{C1C42988-F081-E548-85CF-60AF934C0923}"/>
          </ac:spMkLst>
        </pc:spChg>
        <pc:picChg chg="add mod">
          <ac:chgData name="Daly Donnacha HSLU I" userId="0f22e960-400a-43ff-baeb-4828c8f5cd3a" providerId="ADAL" clId="{1879CA28-5272-A94F-BF0B-460FF965AE07}" dt="2022-03-04T03:12:40.576" v="58"/>
          <ac:picMkLst>
            <pc:docMk/>
            <pc:sldMk cId="2712979170" sldId="333"/>
            <ac:picMk id="4" creationId="{D876CE67-DD94-2C43-A97A-CB0464DFE74D}"/>
          </ac:picMkLst>
        </pc:picChg>
      </pc:sldChg>
      <pc:sldChg chg="addSp modSp add mod">
        <pc:chgData name="Daly Donnacha HSLU I" userId="0f22e960-400a-43ff-baeb-4828c8f5cd3a" providerId="ADAL" clId="{1879CA28-5272-A94F-BF0B-460FF965AE07}" dt="2022-03-04T03:13:06.143" v="66" actId="207"/>
        <pc:sldMkLst>
          <pc:docMk/>
          <pc:sldMk cId="2099461179" sldId="334"/>
        </pc:sldMkLst>
        <pc:spChg chg="mod">
          <ac:chgData name="Daly Donnacha HSLU I" userId="0f22e960-400a-43ff-baeb-4828c8f5cd3a" providerId="ADAL" clId="{1879CA28-5272-A94F-BF0B-460FF965AE07}" dt="2022-03-04T03:12:56.665" v="64" actId="20577"/>
          <ac:spMkLst>
            <pc:docMk/>
            <pc:sldMk cId="2099461179" sldId="334"/>
            <ac:spMk id="2" creationId="{FBEC07C5-7942-9C4E-AF10-49BAE4A402D1}"/>
          </ac:spMkLst>
        </pc:spChg>
        <pc:spChg chg="add mod">
          <ac:chgData name="Daly Donnacha HSLU I" userId="0f22e960-400a-43ff-baeb-4828c8f5cd3a" providerId="ADAL" clId="{1879CA28-5272-A94F-BF0B-460FF965AE07}" dt="2022-03-04T03:13:06.143" v="66" actId="207"/>
          <ac:spMkLst>
            <pc:docMk/>
            <pc:sldMk cId="2099461179" sldId="334"/>
            <ac:spMk id="3" creationId="{3F3C1EE7-2607-6C43-B2A9-C60E86DFCB27}"/>
          </ac:spMkLst>
        </pc:spChg>
      </pc:sldChg>
      <pc:sldChg chg="addSp delSp modSp add mod">
        <pc:chgData name="Daly Donnacha HSLU I" userId="0f22e960-400a-43ff-baeb-4828c8f5cd3a" providerId="ADAL" clId="{1879CA28-5272-A94F-BF0B-460FF965AE07}" dt="2022-03-04T03:19:56.978" v="115" actId="207"/>
        <pc:sldMkLst>
          <pc:docMk/>
          <pc:sldMk cId="2749548843" sldId="335"/>
        </pc:sldMkLst>
        <pc:spChg chg="mod">
          <ac:chgData name="Daly Donnacha HSLU I" userId="0f22e960-400a-43ff-baeb-4828c8f5cd3a" providerId="ADAL" clId="{1879CA28-5272-A94F-BF0B-460FF965AE07}" dt="2022-03-04T03:16:25.046" v="103" actId="20577"/>
          <ac:spMkLst>
            <pc:docMk/>
            <pc:sldMk cId="2749548843" sldId="335"/>
            <ac:spMk id="2" creationId="{FBEC07C5-7942-9C4E-AF10-49BAE4A402D1}"/>
          </ac:spMkLst>
        </pc:spChg>
        <pc:spChg chg="add mod">
          <ac:chgData name="Daly Donnacha HSLU I" userId="0f22e960-400a-43ff-baeb-4828c8f5cd3a" providerId="ADAL" clId="{1879CA28-5272-A94F-BF0B-460FF965AE07}" dt="2022-03-04T03:14:19.708" v="76"/>
          <ac:spMkLst>
            <pc:docMk/>
            <pc:sldMk cId="2749548843" sldId="335"/>
            <ac:spMk id="3" creationId="{4BCD49C0-1C93-3C4A-8181-221012D01DB7}"/>
          </ac:spMkLst>
        </pc:spChg>
        <pc:spChg chg="add mod">
          <ac:chgData name="Daly Donnacha HSLU I" userId="0f22e960-400a-43ff-baeb-4828c8f5cd3a" providerId="ADAL" clId="{1879CA28-5272-A94F-BF0B-460FF965AE07}" dt="2022-03-04T03:19:25.172" v="112" actId="207"/>
          <ac:spMkLst>
            <pc:docMk/>
            <pc:sldMk cId="2749548843" sldId="335"/>
            <ac:spMk id="4" creationId="{41EDB100-91C1-5C4A-BE42-7BB099E93D69}"/>
          </ac:spMkLst>
        </pc:spChg>
        <pc:spChg chg="add mod">
          <ac:chgData name="Daly Donnacha HSLU I" userId="0f22e960-400a-43ff-baeb-4828c8f5cd3a" providerId="ADAL" clId="{1879CA28-5272-A94F-BF0B-460FF965AE07}" dt="2022-03-04T03:19:56.978" v="115" actId="207"/>
          <ac:spMkLst>
            <pc:docMk/>
            <pc:sldMk cId="2749548843" sldId="335"/>
            <ac:spMk id="5" creationId="{654F7524-043D-4643-8E3F-DA2F29B1B142}"/>
          </ac:spMkLst>
        </pc:spChg>
        <pc:spChg chg="add mod">
          <ac:chgData name="Daly Donnacha HSLU I" userId="0f22e960-400a-43ff-baeb-4828c8f5cd3a" providerId="ADAL" clId="{1879CA28-5272-A94F-BF0B-460FF965AE07}" dt="2022-03-04T03:14:19.708" v="76"/>
          <ac:spMkLst>
            <pc:docMk/>
            <pc:sldMk cId="2749548843" sldId="335"/>
            <ac:spMk id="6" creationId="{76EB749E-0C5F-3E4E-B947-D70A58544419}"/>
          </ac:spMkLst>
        </pc:spChg>
        <pc:spChg chg="add mod">
          <ac:chgData name="Daly Donnacha HSLU I" userId="0f22e960-400a-43ff-baeb-4828c8f5cd3a" providerId="ADAL" clId="{1879CA28-5272-A94F-BF0B-460FF965AE07}" dt="2022-03-04T03:14:19.708" v="76"/>
          <ac:spMkLst>
            <pc:docMk/>
            <pc:sldMk cId="2749548843" sldId="335"/>
            <ac:spMk id="7" creationId="{15115F85-0036-614B-B879-0474DFE3AF14}"/>
          </ac:spMkLst>
        </pc:spChg>
        <pc:spChg chg="add mod">
          <ac:chgData name="Daly Donnacha HSLU I" userId="0f22e960-400a-43ff-baeb-4828c8f5cd3a" providerId="ADAL" clId="{1879CA28-5272-A94F-BF0B-460FF965AE07}" dt="2022-03-04T03:14:19.708" v="76"/>
          <ac:spMkLst>
            <pc:docMk/>
            <pc:sldMk cId="2749548843" sldId="335"/>
            <ac:spMk id="8" creationId="{479C19A1-4B75-494E-BE46-D3727B3D1A40}"/>
          </ac:spMkLst>
        </pc:spChg>
        <pc:spChg chg="add mod">
          <ac:chgData name="Daly Donnacha HSLU I" userId="0f22e960-400a-43ff-baeb-4828c8f5cd3a" providerId="ADAL" clId="{1879CA28-5272-A94F-BF0B-460FF965AE07}" dt="2022-03-04T03:14:19.708" v="76"/>
          <ac:spMkLst>
            <pc:docMk/>
            <pc:sldMk cId="2749548843" sldId="335"/>
            <ac:spMk id="13" creationId="{73E5DC6E-475C-FF46-9146-E093DEEB3723}"/>
          </ac:spMkLst>
        </pc:spChg>
        <pc:spChg chg="add mod">
          <ac:chgData name="Daly Donnacha HSLU I" userId="0f22e960-400a-43ff-baeb-4828c8f5cd3a" providerId="ADAL" clId="{1879CA28-5272-A94F-BF0B-460FF965AE07}" dt="2022-03-04T03:14:19.708" v="76"/>
          <ac:spMkLst>
            <pc:docMk/>
            <pc:sldMk cId="2749548843" sldId="335"/>
            <ac:spMk id="14" creationId="{053115A1-A3DA-8B4F-A553-DEFAA7C84EF6}"/>
          </ac:spMkLst>
        </pc:spChg>
        <pc:spChg chg="add mod">
          <ac:chgData name="Daly Donnacha HSLU I" userId="0f22e960-400a-43ff-baeb-4828c8f5cd3a" providerId="ADAL" clId="{1879CA28-5272-A94F-BF0B-460FF965AE07}" dt="2022-03-04T03:14:19.708" v="76"/>
          <ac:spMkLst>
            <pc:docMk/>
            <pc:sldMk cId="2749548843" sldId="335"/>
            <ac:spMk id="15" creationId="{CDE4A9B4-763F-6A43-A843-C814AB0BEBB1}"/>
          </ac:spMkLst>
        </pc:spChg>
        <pc:spChg chg="add del mod">
          <ac:chgData name="Daly Donnacha HSLU I" userId="0f22e960-400a-43ff-baeb-4828c8f5cd3a" providerId="ADAL" clId="{1879CA28-5272-A94F-BF0B-460FF965AE07}" dt="2022-03-04T03:15:16.970" v="78" actId="478"/>
          <ac:spMkLst>
            <pc:docMk/>
            <pc:sldMk cId="2749548843" sldId="335"/>
            <ac:spMk id="16" creationId="{D5BBB0BB-A5A7-654C-BCA5-A7B30EFDA90E}"/>
          </ac:spMkLst>
        </pc:spChg>
        <pc:spChg chg="add mod">
          <ac:chgData name="Daly Donnacha HSLU I" userId="0f22e960-400a-43ff-baeb-4828c8f5cd3a" providerId="ADAL" clId="{1879CA28-5272-A94F-BF0B-460FF965AE07}" dt="2022-03-04T03:16:35.183" v="104"/>
          <ac:spMkLst>
            <pc:docMk/>
            <pc:sldMk cId="2749548843" sldId="335"/>
            <ac:spMk id="17" creationId="{65488587-D084-A24E-B9EA-82AEBA25349E}"/>
          </ac:spMkLst>
        </pc:spChg>
        <pc:spChg chg="add mod">
          <ac:chgData name="Daly Donnacha HSLU I" userId="0f22e960-400a-43ff-baeb-4828c8f5cd3a" providerId="ADAL" clId="{1879CA28-5272-A94F-BF0B-460FF965AE07}" dt="2022-03-04T03:19:04.938" v="111" actId="207"/>
          <ac:spMkLst>
            <pc:docMk/>
            <pc:sldMk cId="2749548843" sldId="335"/>
            <ac:spMk id="18" creationId="{C8F9EE2B-21D6-AF44-A467-309B86331771}"/>
          </ac:spMkLst>
        </pc:spChg>
        <pc:spChg chg="add mod">
          <ac:chgData name="Daly Donnacha HSLU I" userId="0f22e960-400a-43ff-baeb-4828c8f5cd3a" providerId="ADAL" clId="{1879CA28-5272-A94F-BF0B-460FF965AE07}" dt="2022-03-04T03:16:46.058" v="105"/>
          <ac:spMkLst>
            <pc:docMk/>
            <pc:sldMk cId="2749548843" sldId="335"/>
            <ac:spMk id="19" creationId="{10757B63-167F-8249-A69D-E45D64476887}"/>
          </ac:spMkLst>
        </pc:spChg>
        <pc:picChg chg="add mod">
          <ac:chgData name="Daly Donnacha HSLU I" userId="0f22e960-400a-43ff-baeb-4828c8f5cd3a" providerId="ADAL" clId="{1879CA28-5272-A94F-BF0B-460FF965AE07}" dt="2022-03-04T03:14:19.708" v="76"/>
          <ac:picMkLst>
            <pc:docMk/>
            <pc:sldMk cId="2749548843" sldId="335"/>
            <ac:picMk id="9" creationId="{F0C79ED8-8D28-6A43-95E8-6688FB0A242C}"/>
          </ac:picMkLst>
        </pc:picChg>
        <pc:picChg chg="add mod">
          <ac:chgData name="Daly Donnacha HSLU I" userId="0f22e960-400a-43ff-baeb-4828c8f5cd3a" providerId="ADAL" clId="{1879CA28-5272-A94F-BF0B-460FF965AE07}" dt="2022-03-04T03:14:19.708" v="76"/>
          <ac:picMkLst>
            <pc:docMk/>
            <pc:sldMk cId="2749548843" sldId="335"/>
            <ac:picMk id="10" creationId="{21E37264-DA1D-8A42-9F5A-6D849B476A12}"/>
          </ac:picMkLst>
        </pc:picChg>
        <pc:picChg chg="add mod">
          <ac:chgData name="Daly Donnacha HSLU I" userId="0f22e960-400a-43ff-baeb-4828c8f5cd3a" providerId="ADAL" clId="{1879CA28-5272-A94F-BF0B-460FF965AE07}" dt="2022-03-04T03:14:19.708" v="76"/>
          <ac:picMkLst>
            <pc:docMk/>
            <pc:sldMk cId="2749548843" sldId="335"/>
            <ac:picMk id="11" creationId="{54E7352E-A2B3-E14C-A5EF-89E97CA5FD9B}"/>
          </ac:picMkLst>
        </pc:picChg>
        <pc:picChg chg="add mod">
          <ac:chgData name="Daly Donnacha HSLU I" userId="0f22e960-400a-43ff-baeb-4828c8f5cd3a" providerId="ADAL" clId="{1879CA28-5272-A94F-BF0B-460FF965AE07}" dt="2022-03-04T03:14:19.708" v="76"/>
          <ac:picMkLst>
            <pc:docMk/>
            <pc:sldMk cId="2749548843" sldId="335"/>
            <ac:picMk id="12" creationId="{6F16BA59-C937-DB47-AD07-26778FA8E791}"/>
          </ac:picMkLst>
        </pc:picChg>
      </pc:sldChg>
      <pc:sldChg chg="add del">
        <pc:chgData name="Daly Donnacha HSLU I" userId="0f22e960-400a-43ff-baeb-4828c8f5cd3a" providerId="ADAL" clId="{1879CA28-5272-A94F-BF0B-460FF965AE07}" dt="2022-03-04T03:21:32.545" v="167" actId="2696"/>
        <pc:sldMkLst>
          <pc:docMk/>
          <pc:sldMk cId="3685838298" sldId="336"/>
        </pc:sldMkLst>
      </pc:sldChg>
      <pc:sldChg chg="addSp delSp modSp add del mod">
        <pc:chgData name="Daly Donnacha HSLU I" userId="0f22e960-400a-43ff-baeb-4828c8f5cd3a" providerId="ADAL" clId="{1879CA28-5272-A94F-BF0B-460FF965AE07}" dt="2022-03-04T03:21:52.478" v="171" actId="2696"/>
        <pc:sldMkLst>
          <pc:docMk/>
          <pc:sldMk cId="1802266235" sldId="337"/>
        </pc:sldMkLst>
        <pc:graphicFrameChg chg="add del mod modGraphic">
          <ac:chgData name="Daly Donnacha HSLU I" userId="0f22e960-400a-43ff-baeb-4828c8f5cd3a" providerId="ADAL" clId="{1879CA28-5272-A94F-BF0B-460FF965AE07}" dt="2022-03-04T03:21:47.537" v="169" actId="21"/>
          <ac:graphicFrameMkLst>
            <pc:docMk/>
            <pc:sldMk cId="1802266235" sldId="337"/>
            <ac:graphicFrameMk id="3" creationId="{04F3EFC4-9083-E848-8751-BB3ED3521932}"/>
          </ac:graphicFrameMkLst>
        </pc:graphicFrameChg>
      </pc:sldChg>
      <pc:sldChg chg="add del">
        <pc:chgData name="Daly Donnacha HSLU I" userId="0f22e960-400a-43ff-baeb-4828c8f5cd3a" providerId="ADAL" clId="{1879CA28-5272-A94F-BF0B-460FF965AE07}" dt="2022-03-04T03:21:30.507" v="166" actId="2696"/>
        <pc:sldMkLst>
          <pc:docMk/>
          <pc:sldMk cId="266352777" sldId="338"/>
        </pc:sldMkLst>
      </pc:sldChg>
      <pc:sldChg chg="add del">
        <pc:chgData name="Daly Donnacha HSLU I" userId="0f22e960-400a-43ff-baeb-4828c8f5cd3a" providerId="ADAL" clId="{1879CA28-5272-A94F-BF0B-460FF965AE07}" dt="2022-03-04T04:25:33.339" v="1385" actId="2696"/>
        <pc:sldMkLst>
          <pc:docMk/>
          <pc:sldMk cId="3957075171" sldId="339"/>
        </pc:sldMkLst>
      </pc:sldChg>
      <pc:sldChg chg="add del">
        <pc:chgData name="Daly Donnacha HSLU I" userId="0f22e960-400a-43ff-baeb-4828c8f5cd3a" providerId="ADAL" clId="{1879CA28-5272-A94F-BF0B-460FF965AE07}" dt="2022-03-04T04:27:07.425" v="1411" actId="2696"/>
        <pc:sldMkLst>
          <pc:docMk/>
          <pc:sldMk cId="2468368897" sldId="340"/>
        </pc:sldMkLst>
      </pc:sldChg>
      <pc:sldChg chg="add del">
        <pc:chgData name="Daly Donnacha HSLU I" userId="0f22e960-400a-43ff-baeb-4828c8f5cd3a" providerId="ADAL" clId="{1879CA28-5272-A94F-BF0B-460FF965AE07}" dt="2022-03-04T04:27:09.262" v="1412" actId="2696"/>
        <pc:sldMkLst>
          <pc:docMk/>
          <pc:sldMk cId="2058729948" sldId="341"/>
        </pc:sldMkLst>
      </pc:sldChg>
      <pc:sldChg chg="add del">
        <pc:chgData name="Daly Donnacha HSLU I" userId="0f22e960-400a-43ff-baeb-4828c8f5cd3a" providerId="ADAL" clId="{1879CA28-5272-A94F-BF0B-460FF965AE07}" dt="2022-03-04T04:36:29.138" v="1508" actId="2696"/>
        <pc:sldMkLst>
          <pc:docMk/>
          <pc:sldMk cId="646486623" sldId="342"/>
        </pc:sldMkLst>
      </pc:sldChg>
      <pc:sldChg chg="addSp delSp modSp new mod">
        <pc:chgData name="Daly Donnacha HSLU I" userId="0f22e960-400a-43ff-baeb-4828c8f5cd3a" providerId="ADAL" clId="{1879CA28-5272-A94F-BF0B-460FF965AE07}" dt="2022-03-04T06:30:23.435" v="1638" actId="14100"/>
        <pc:sldMkLst>
          <pc:docMk/>
          <pc:sldMk cId="662037953" sldId="343"/>
        </pc:sldMkLst>
        <pc:spChg chg="mod">
          <ac:chgData name="Daly Donnacha HSLU I" userId="0f22e960-400a-43ff-baeb-4828c8f5cd3a" providerId="ADAL" clId="{1879CA28-5272-A94F-BF0B-460FF965AE07}" dt="2022-03-04T03:49:47.016" v="662" actId="20577"/>
          <ac:spMkLst>
            <pc:docMk/>
            <pc:sldMk cId="662037953" sldId="343"/>
            <ac:spMk id="2" creationId="{D4FDD34C-7CB8-BF45-9A9A-1A78FD65E5AB}"/>
          </ac:spMkLst>
        </pc:spChg>
        <pc:spChg chg="add del mod">
          <ac:chgData name="Daly Donnacha HSLU I" userId="0f22e960-400a-43ff-baeb-4828c8f5cd3a" providerId="ADAL" clId="{1879CA28-5272-A94F-BF0B-460FF965AE07}" dt="2022-03-04T03:37:30.442" v="401" actId="478"/>
          <ac:spMkLst>
            <pc:docMk/>
            <pc:sldMk cId="662037953" sldId="343"/>
            <ac:spMk id="4" creationId="{94894FEC-0DE5-0343-A030-D1BFA223431C}"/>
          </ac:spMkLst>
        </pc:spChg>
        <pc:spChg chg="add mod">
          <ac:chgData name="Daly Donnacha HSLU I" userId="0f22e960-400a-43ff-baeb-4828c8f5cd3a" providerId="ADAL" clId="{1879CA28-5272-A94F-BF0B-460FF965AE07}" dt="2022-03-04T04:34:10.949" v="1459" actId="14100"/>
          <ac:spMkLst>
            <pc:docMk/>
            <pc:sldMk cId="662037953" sldId="343"/>
            <ac:spMk id="5" creationId="{C2D92842-11D7-8948-AD2C-99851BD4CF05}"/>
          </ac:spMkLst>
        </pc:spChg>
        <pc:spChg chg="add mod">
          <ac:chgData name="Daly Donnacha HSLU I" userId="0f22e960-400a-43ff-baeb-4828c8f5cd3a" providerId="ADAL" clId="{1879CA28-5272-A94F-BF0B-460FF965AE07}" dt="2022-03-04T06:26:25.070" v="1626" actId="14100"/>
          <ac:spMkLst>
            <pc:docMk/>
            <pc:sldMk cId="662037953" sldId="343"/>
            <ac:spMk id="6" creationId="{4234F303-E7AE-9E4B-93A8-A52DD348A1B9}"/>
          </ac:spMkLst>
        </pc:spChg>
        <pc:spChg chg="add del mod">
          <ac:chgData name="Daly Donnacha HSLU I" userId="0f22e960-400a-43ff-baeb-4828c8f5cd3a" providerId="ADAL" clId="{1879CA28-5272-A94F-BF0B-460FF965AE07}" dt="2022-03-04T03:33:18.176" v="278" actId="478"/>
          <ac:spMkLst>
            <pc:docMk/>
            <pc:sldMk cId="662037953" sldId="343"/>
            <ac:spMk id="7" creationId="{FD734360-2B22-B146-AE62-939E2D61EE5B}"/>
          </ac:spMkLst>
        </pc:spChg>
        <pc:spChg chg="add mod">
          <ac:chgData name="Daly Donnacha HSLU I" userId="0f22e960-400a-43ff-baeb-4828c8f5cd3a" providerId="ADAL" clId="{1879CA28-5272-A94F-BF0B-460FF965AE07}" dt="2022-03-04T03:34:01.571" v="305" actId="1037"/>
          <ac:spMkLst>
            <pc:docMk/>
            <pc:sldMk cId="662037953" sldId="343"/>
            <ac:spMk id="8" creationId="{13F144EA-0528-7446-931E-5979DC3DEB16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9" creationId="{06E2298B-58C3-4941-97C4-76ED34490D6C}"/>
          </ac:spMkLst>
        </pc:spChg>
        <pc:spChg chg="add del mod">
          <ac:chgData name="Daly Donnacha HSLU I" userId="0f22e960-400a-43ff-baeb-4828c8f5cd3a" providerId="ADAL" clId="{1879CA28-5272-A94F-BF0B-460FF965AE07}" dt="2022-03-04T04:00:50.151" v="837" actId="478"/>
          <ac:spMkLst>
            <pc:docMk/>
            <pc:sldMk cId="662037953" sldId="343"/>
            <ac:spMk id="10" creationId="{36ECE84C-343B-7540-9CEC-FA88D4D7E57E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11" creationId="{4A6D4CD4-1AC1-544A-83C7-BDD2EFCF3B7B}"/>
          </ac:spMkLst>
        </pc:spChg>
        <pc:spChg chg="add del mod">
          <ac:chgData name="Daly Donnacha HSLU I" userId="0f22e960-400a-43ff-baeb-4828c8f5cd3a" providerId="ADAL" clId="{1879CA28-5272-A94F-BF0B-460FF965AE07}" dt="2022-03-04T03:39:16.538" v="452" actId="478"/>
          <ac:spMkLst>
            <pc:docMk/>
            <pc:sldMk cId="662037953" sldId="343"/>
            <ac:spMk id="12" creationId="{FA064791-726E-D542-977F-7500F6731826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13" creationId="{169A91E1-F9FA-0445-AAF1-4BC46CC1623D}"/>
          </ac:spMkLst>
        </pc:spChg>
        <pc:spChg chg="add mod">
          <ac:chgData name="Daly Donnacha HSLU I" userId="0f22e960-400a-43ff-baeb-4828c8f5cd3a" providerId="ADAL" clId="{1879CA28-5272-A94F-BF0B-460FF965AE07}" dt="2022-03-04T06:28:11.763" v="1628" actId="255"/>
          <ac:spMkLst>
            <pc:docMk/>
            <pc:sldMk cId="662037953" sldId="343"/>
            <ac:spMk id="14" creationId="{BC8789B9-C461-D347-A262-C427DB45CE36}"/>
          </ac:spMkLst>
        </pc:spChg>
        <pc:spChg chg="add mod">
          <ac:chgData name="Daly Donnacha HSLU I" userId="0f22e960-400a-43ff-baeb-4828c8f5cd3a" providerId="ADAL" clId="{1879CA28-5272-A94F-BF0B-460FF965AE07}" dt="2022-03-04T04:34:14.510" v="1460" actId="14100"/>
          <ac:spMkLst>
            <pc:docMk/>
            <pc:sldMk cId="662037953" sldId="343"/>
            <ac:spMk id="15" creationId="{41CFD61C-FE5C-1D4E-AA52-6397F80F813D}"/>
          </ac:spMkLst>
        </pc:spChg>
        <pc:spChg chg="add del mod">
          <ac:chgData name="Daly Donnacha HSLU I" userId="0f22e960-400a-43ff-baeb-4828c8f5cd3a" providerId="ADAL" clId="{1879CA28-5272-A94F-BF0B-460FF965AE07}" dt="2022-03-04T03:51:55.770" v="675" actId="478"/>
          <ac:spMkLst>
            <pc:docMk/>
            <pc:sldMk cId="662037953" sldId="343"/>
            <ac:spMk id="16" creationId="{5D2318F9-AA95-D747-99D0-0AF97A465688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17" creationId="{E8288D73-1F95-B74A-8B44-E987DFA1ADAF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18" creationId="{18063F3D-4F0F-CC45-AD68-F8140AFFDF97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19" creationId="{6CAC906A-2A18-114A-BA4E-647C186D4EAE}"/>
          </ac:spMkLst>
        </pc:spChg>
        <pc:spChg chg="add del mod">
          <ac:chgData name="Daly Donnacha HSLU I" userId="0f22e960-400a-43ff-baeb-4828c8f5cd3a" providerId="ADAL" clId="{1879CA28-5272-A94F-BF0B-460FF965AE07}" dt="2022-03-04T03:56:44.167" v="781" actId="478"/>
          <ac:spMkLst>
            <pc:docMk/>
            <pc:sldMk cId="662037953" sldId="343"/>
            <ac:spMk id="20" creationId="{9B0B6946-DD42-3F45-A2AA-8C150974A603}"/>
          </ac:spMkLst>
        </pc:spChg>
        <pc:spChg chg="add mod">
          <ac:chgData name="Daly Donnacha HSLU I" userId="0f22e960-400a-43ff-baeb-4828c8f5cd3a" providerId="ADAL" clId="{1879CA28-5272-A94F-BF0B-460FF965AE07}" dt="2022-03-04T04:22:11.200" v="1316" actId="14100"/>
          <ac:spMkLst>
            <pc:docMk/>
            <pc:sldMk cId="662037953" sldId="343"/>
            <ac:spMk id="21" creationId="{4F9C384B-28A8-EE40-AD2C-F9EBDF48288E}"/>
          </ac:spMkLst>
        </pc:spChg>
        <pc:spChg chg="add mod">
          <ac:chgData name="Daly Donnacha HSLU I" userId="0f22e960-400a-43ff-baeb-4828c8f5cd3a" providerId="ADAL" clId="{1879CA28-5272-A94F-BF0B-460FF965AE07}" dt="2022-03-04T04:22:15.638" v="1317" actId="1076"/>
          <ac:spMkLst>
            <pc:docMk/>
            <pc:sldMk cId="662037953" sldId="343"/>
            <ac:spMk id="22" creationId="{A3998011-66F2-6B44-BCA1-BC266747D807}"/>
          </ac:spMkLst>
        </pc:spChg>
        <pc:spChg chg="add del mod">
          <ac:chgData name="Daly Donnacha HSLU I" userId="0f22e960-400a-43ff-baeb-4828c8f5cd3a" providerId="ADAL" clId="{1879CA28-5272-A94F-BF0B-460FF965AE07}" dt="2022-03-04T04:05:40.127" v="922" actId="478"/>
          <ac:spMkLst>
            <pc:docMk/>
            <pc:sldMk cId="662037953" sldId="343"/>
            <ac:spMk id="23" creationId="{E8F1F3AB-3697-434F-B4FC-77DCA1475CD0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24" creationId="{D4A7FF5B-26E5-8240-8E81-A7A94587AC03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25" creationId="{5EB5A948-9B1C-064E-A117-012E64907EA3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26" creationId="{CADA955E-3AC5-EF43-A7EF-EC2CE8141B84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27" creationId="{2E49B07A-9FCA-DD4D-9FB7-BFD7E0EAF289}"/>
          </ac:spMkLst>
        </pc:spChg>
        <pc:spChg chg="add mod">
          <ac:chgData name="Daly Donnacha HSLU I" userId="0f22e960-400a-43ff-baeb-4828c8f5cd3a" providerId="ADAL" clId="{1879CA28-5272-A94F-BF0B-460FF965AE07}" dt="2022-03-04T04:15:56.183" v="1178" actId="553"/>
          <ac:spMkLst>
            <pc:docMk/>
            <pc:sldMk cId="662037953" sldId="343"/>
            <ac:spMk id="28" creationId="{18BC93AC-9D44-1842-9944-3DDA4F73DCB2}"/>
          </ac:spMkLst>
        </pc:spChg>
        <pc:spChg chg="add mod">
          <ac:chgData name="Daly Donnacha HSLU I" userId="0f22e960-400a-43ff-baeb-4828c8f5cd3a" providerId="ADAL" clId="{1879CA28-5272-A94F-BF0B-460FF965AE07}" dt="2022-03-04T04:34:30.171" v="1464" actId="14100"/>
          <ac:spMkLst>
            <pc:docMk/>
            <pc:sldMk cId="662037953" sldId="343"/>
            <ac:spMk id="29" creationId="{7295D2DF-2D92-5F4A-8280-B3B689093971}"/>
          </ac:spMkLst>
        </pc:spChg>
        <pc:spChg chg="add mod">
          <ac:chgData name="Daly Donnacha HSLU I" userId="0f22e960-400a-43ff-baeb-4828c8f5cd3a" providerId="ADAL" clId="{1879CA28-5272-A94F-BF0B-460FF965AE07}" dt="2022-03-04T04:34:35.991" v="1465" actId="14100"/>
          <ac:spMkLst>
            <pc:docMk/>
            <pc:sldMk cId="662037953" sldId="343"/>
            <ac:spMk id="30" creationId="{05D1BB47-A23A-2445-A052-641DDD273161}"/>
          </ac:spMkLst>
        </pc:spChg>
        <pc:spChg chg="add mod">
          <ac:chgData name="Daly Donnacha HSLU I" userId="0f22e960-400a-43ff-baeb-4828c8f5cd3a" providerId="ADAL" clId="{1879CA28-5272-A94F-BF0B-460FF965AE07}" dt="2022-03-04T04:33:46.194" v="1458" actId="1037"/>
          <ac:spMkLst>
            <pc:docMk/>
            <pc:sldMk cId="662037953" sldId="343"/>
            <ac:spMk id="31" creationId="{9B6AE4C9-1DDA-7342-B330-F58D6EE8A8A2}"/>
          </ac:spMkLst>
        </pc:spChg>
        <pc:spChg chg="add mod">
          <ac:chgData name="Daly Donnacha HSLU I" userId="0f22e960-400a-43ff-baeb-4828c8f5cd3a" providerId="ADAL" clId="{1879CA28-5272-A94F-BF0B-460FF965AE07}" dt="2022-03-04T04:36:01.923" v="1505" actId="1076"/>
          <ac:spMkLst>
            <pc:docMk/>
            <pc:sldMk cId="662037953" sldId="343"/>
            <ac:spMk id="32" creationId="{D24ACE3C-A3C4-8448-8C7A-E2F4B622C51D}"/>
          </ac:spMkLst>
        </pc:spChg>
        <pc:graphicFrameChg chg="add mod modGraphic">
          <ac:chgData name="Daly Donnacha HSLU I" userId="0f22e960-400a-43ff-baeb-4828c8f5cd3a" providerId="ADAL" clId="{1879CA28-5272-A94F-BF0B-460FF965AE07}" dt="2022-03-04T04:14:12.820" v="1156" actId="404"/>
          <ac:graphicFrameMkLst>
            <pc:docMk/>
            <pc:sldMk cId="662037953" sldId="343"/>
            <ac:graphicFrameMk id="3" creationId="{F41180BC-AB4A-DE40-871E-1EB14EEF36EA}"/>
          </ac:graphicFrameMkLst>
        </pc:graphicFrameChg>
        <pc:cxnChg chg="add mod">
          <ac:chgData name="Daly Donnacha HSLU I" userId="0f22e960-400a-43ff-baeb-4828c8f5cd3a" providerId="ADAL" clId="{1879CA28-5272-A94F-BF0B-460FF965AE07}" dt="2022-03-04T06:30:02.433" v="1635" actId="1582"/>
          <ac:cxnSpMkLst>
            <pc:docMk/>
            <pc:sldMk cId="662037953" sldId="343"/>
            <ac:cxnSpMk id="7" creationId="{F054AA2F-B2C3-AE43-95B2-3FB513D3D31C}"/>
          </ac:cxnSpMkLst>
        </pc:cxnChg>
        <pc:cxnChg chg="add mod">
          <ac:chgData name="Daly Donnacha HSLU I" userId="0f22e960-400a-43ff-baeb-4828c8f5cd3a" providerId="ADAL" clId="{1879CA28-5272-A94F-BF0B-460FF965AE07}" dt="2022-03-04T06:30:23.435" v="1638" actId="14100"/>
          <ac:cxnSpMkLst>
            <pc:docMk/>
            <pc:sldMk cId="662037953" sldId="343"/>
            <ac:cxnSpMk id="33" creationId="{5EAEC1C2-76D6-1745-9BF8-694EA633CB3B}"/>
          </ac:cxnSpMkLst>
        </pc:cxnChg>
        <pc:cxnChg chg="add mod">
          <ac:chgData name="Daly Donnacha HSLU I" userId="0f22e960-400a-43ff-baeb-4828c8f5cd3a" providerId="ADAL" clId="{1879CA28-5272-A94F-BF0B-460FF965AE07}" dt="2022-03-04T06:23:27.780" v="1621" actId="1076"/>
          <ac:cxnSpMkLst>
            <pc:docMk/>
            <pc:sldMk cId="662037953" sldId="343"/>
            <ac:cxnSpMk id="36" creationId="{9A1843B3-9EA0-CC42-89A7-62BE3BA69740}"/>
          </ac:cxnSpMkLst>
        </pc:cxnChg>
        <pc:cxnChg chg="add mod">
          <ac:chgData name="Daly Donnacha HSLU I" userId="0f22e960-400a-43ff-baeb-4828c8f5cd3a" providerId="ADAL" clId="{1879CA28-5272-A94F-BF0B-460FF965AE07}" dt="2022-03-04T06:23:46.880" v="1625" actId="14100"/>
          <ac:cxnSpMkLst>
            <pc:docMk/>
            <pc:sldMk cId="662037953" sldId="343"/>
            <ac:cxnSpMk id="37" creationId="{AC823DA6-E54D-204F-BA1E-7FF8C4C9F995}"/>
          </ac:cxnSpMkLst>
        </pc:cxnChg>
      </pc:sldChg>
      <pc:sldChg chg="addSp delSp modSp add del mod">
        <pc:chgData name="Daly Donnacha HSLU I" userId="0f22e960-400a-43ff-baeb-4828c8f5cd3a" providerId="ADAL" clId="{1879CA28-5272-A94F-BF0B-460FF965AE07}" dt="2022-03-04T04:22:24.627" v="1318" actId="2696"/>
        <pc:sldMkLst>
          <pc:docMk/>
          <pc:sldMk cId="2244710601" sldId="344"/>
        </pc:sldMkLst>
        <pc:spChg chg="mod">
          <ac:chgData name="Daly Donnacha HSLU I" userId="0f22e960-400a-43ff-baeb-4828c8f5cd3a" providerId="ADAL" clId="{1879CA28-5272-A94F-BF0B-460FF965AE07}" dt="2022-03-04T04:11:52.438" v="1119" actId="20577"/>
          <ac:spMkLst>
            <pc:docMk/>
            <pc:sldMk cId="2244710601" sldId="344"/>
            <ac:spMk id="2" creationId="{D4FDD34C-7CB8-BF45-9A9A-1A78FD65E5AB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5" creationId="{C2D92842-11D7-8948-AD2C-99851BD4CF05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6" creationId="{4234F303-E7AE-9E4B-93A8-A52DD348A1B9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8" creationId="{13F144EA-0528-7446-931E-5979DC3DEB16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9" creationId="{06E2298B-58C3-4941-97C4-76ED34490D6C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11" creationId="{4A6D4CD4-1AC1-544A-83C7-BDD2EFCF3B7B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13" creationId="{169A91E1-F9FA-0445-AAF1-4BC46CC1623D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14" creationId="{BC8789B9-C461-D347-A262-C427DB45CE36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15" creationId="{41CFD61C-FE5C-1D4E-AA52-6397F80F813D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17" creationId="{E8288D73-1F95-B74A-8B44-E987DFA1ADAF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18" creationId="{18063F3D-4F0F-CC45-AD68-F8140AFFDF97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19" creationId="{6CAC906A-2A18-114A-BA4E-647C186D4EAE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21" creationId="{4F9C384B-28A8-EE40-AD2C-F9EBDF48288E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22" creationId="{A3998011-66F2-6B44-BCA1-BC266747D807}"/>
          </ac:spMkLst>
        </pc:spChg>
        <pc:spChg chg="add del mod">
          <ac:chgData name="Daly Donnacha HSLU I" userId="0f22e960-400a-43ff-baeb-4828c8f5cd3a" providerId="ADAL" clId="{1879CA28-5272-A94F-BF0B-460FF965AE07}" dt="2022-03-04T04:14:01.172" v="1154" actId="478"/>
          <ac:spMkLst>
            <pc:docMk/>
            <pc:sldMk cId="2244710601" sldId="344"/>
            <ac:spMk id="23" creationId="{AF5586FE-DA6D-004B-8F2D-B2915FBB2809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24" creationId="{D4A7FF5B-26E5-8240-8E81-A7A94587AC03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25" creationId="{5EB5A948-9B1C-064E-A117-012E64907EA3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26" creationId="{CADA955E-3AC5-EF43-A7EF-EC2CE8141B84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27" creationId="{2E49B07A-9FCA-DD4D-9FB7-BFD7E0EAF289}"/>
          </ac:spMkLst>
        </pc:spChg>
        <pc:spChg chg="del">
          <ac:chgData name="Daly Donnacha HSLU I" userId="0f22e960-400a-43ff-baeb-4828c8f5cd3a" providerId="ADAL" clId="{1879CA28-5272-A94F-BF0B-460FF965AE07}" dt="2022-03-04T04:12:08.421" v="1120" actId="21"/>
          <ac:spMkLst>
            <pc:docMk/>
            <pc:sldMk cId="2244710601" sldId="344"/>
            <ac:spMk id="28" creationId="{18BC93AC-9D44-1842-9944-3DDA4F73DCB2}"/>
          </ac:spMkLst>
        </pc:spChg>
        <pc:graphicFrameChg chg="del">
          <ac:chgData name="Daly Donnacha HSLU I" userId="0f22e960-400a-43ff-baeb-4828c8f5cd3a" providerId="ADAL" clId="{1879CA28-5272-A94F-BF0B-460FF965AE07}" dt="2022-03-04T04:12:08.421" v="1120" actId="21"/>
          <ac:graphicFrameMkLst>
            <pc:docMk/>
            <pc:sldMk cId="2244710601" sldId="344"/>
            <ac:graphicFrameMk id="3" creationId="{F41180BC-AB4A-DE40-871E-1EB14EEF36EA}"/>
          </ac:graphicFrameMkLst>
        </pc:graphicFrameChg>
        <pc:picChg chg="add mod">
          <ac:chgData name="Daly Donnacha HSLU I" userId="0f22e960-400a-43ff-baeb-4828c8f5cd3a" providerId="ADAL" clId="{1879CA28-5272-A94F-BF0B-460FF965AE07}" dt="2022-03-04T04:13:44.046" v="1152" actId="14100"/>
          <ac:picMkLst>
            <pc:docMk/>
            <pc:sldMk cId="2244710601" sldId="344"/>
            <ac:picMk id="4" creationId="{921DC198-1395-8D41-B60E-B1854AEA9091}"/>
          </ac:picMkLst>
        </pc:picChg>
      </pc:sldChg>
      <pc:sldChg chg="addSp modSp new mod">
        <pc:chgData name="Daly Donnacha HSLU I" userId="0f22e960-400a-43ff-baeb-4828c8f5cd3a" providerId="ADAL" clId="{1879CA28-5272-A94F-BF0B-460FF965AE07}" dt="2022-03-04T04:26:44.937" v="1409" actId="207"/>
        <pc:sldMkLst>
          <pc:docMk/>
          <pc:sldMk cId="4209274339" sldId="344"/>
        </pc:sldMkLst>
        <pc:spChg chg="mod">
          <ac:chgData name="Daly Donnacha HSLU I" userId="0f22e960-400a-43ff-baeb-4828c8f5cd3a" providerId="ADAL" clId="{1879CA28-5272-A94F-BF0B-460FF965AE07}" dt="2022-03-04T04:25:15.245" v="1383" actId="20577"/>
          <ac:spMkLst>
            <pc:docMk/>
            <pc:sldMk cId="4209274339" sldId="344"/>
            <ac:spMk id="2" creationId="{DD59BEC9-5AC2-4E46-A386-E65AB400AF25}"/>
          </ac:spMkLst>
        </pc:spChg>
        <pc:spChg chg="add mod">
          <ac:chgData name="Daly Donnacha HSLU I" userId="0f22e960-400a-43ff-baeb-4828c8f5cd3a" providerId="ADAL" clId="{1879CA28-5272-A94F-BF0B-460FF965AE07}" dt="2022-03-04T04:24:06.775" v="1338"/>
          <ac:spMkLst>
            <pc:docMk/>
            <pc:sldMk cId="4209274339" sldId="344"/>
            <ac:spMk id="5" creationId="{053FE1BE-1632-AD41-AF7A-0EEF6D4EE74F}"/>
          </ac:spMkLst>
        </pc:spChg>
        <pc:graphicFrameChg chg="add mod modGraphic">
          <ac:chgData name="Daly Donnacha HSLU I" userId="0f22e960-400a-43ff-baeb-4828c8f5cd3a" providerId="ADAL" clId="{1879CA28-5272-A94F-BF0B-460FF965AE07}" dt="2022-03-04T04:26:44.937" v="1409" actId="207"/>
          <ac:graphicFrameMkLst>
            <pc:docMk/>
            <pc:sldMk cId="4209274339" sldId="344"/>
            <ac:graphicFrameMk id="3" creationId="{2EB55039-3091-1D45-BAA2-C236E8394E7C}"/>
          </ac:graphicFrameMkLst>
        </pc:graphicFrameChg>
        <pc:graphicFrameChg chg="add mod modGraphic">
          <ac:chgData name="Daly Donnacha HSLU I" userId="0f22e960-400a-43ff-baeb-4828c8f5cd3a" providerId="ADAL" clId="{1879CA28-5272-A94F-BF0B-460FF965AE07}" dt="2022-03-04T04:26:34.370" v="1407" actId="207"/>
          <ac:graphicFrameMkLst>
            <pc:docMk/>
            <pc:sldMk cId="4209274339" sldId="344"/>
            <ac:graphicFrameMk id="6" creationId="{3BD8BA1C-B4DA-5740-A5E5-71F29798900F}"/>
          </ac:graphicFrameMkLst>
        </pc:graphicFrameChg>
        <pc:picChg chg="add mod">
          <ac:chgData name="Daly Donnacha HSLU I" userId="0f22e960-400a-43ff-baeb-4828c8f5cd3a" providerId="ADAL" clId="{1879CA28-5272-A94F-BF0B-460FF965AE07}" dt="2022-03-04T04:24:06.775" v="1338"/>
          <ac:picMkLst>
            <pc:docMk/>
            <pc:sldMk cId="4209274339" sldId="344"/>
            <ac:picMk id="4" creationId="{50B28682-7D6E-EF4F-A8A0-27730C725974}"/>
          </ac:picMkLst>
        </pc:picChg>
      </pc:sldChg>
      <pc:sldChg chg="addSp modSp new mod">
        <pc:chgData name="Daly Donnacha HSLU I" userId="0f22e960-400a-43ff-baeb-4828c8f5cd3a" providerId="ADAL" clId="{1879CA28-5272-A94F-BF0B-460FF965AE07}" dt="2022-03-04T04:37:18.667" v="1511" actId="113"/>
        <pc:sldMkLst>
          <pc:docMk/>
          <pc:sldMk cId="4065305565" sldId="345"/>
        </pc:sldMkLst>
        <pc:spChg chg="mod">
          <ac:chgData name="Daly Donnacha HSLU I" userId="0f22e960-400a-43ff-baeb-4828c8f5cd3a" providerId="ADAL" clId="{1879CA28-5272-A94F-BF0B-460FF965AE07}" dt="2022-03-04T04:36:17.071" v="1507" actId="207"/>
          <ac:spMkLst>
            <pc:docMk/>
            <pc:sldMk cId="4065305565" sldId="345"/>
            <ac:spMk id="2" creationId="{60179B1A-47DA-DE44-A7B0-4CC9041CB28C}"/>
          </ac:spMkLst>
        </pc:spChg>
        <pc:spChg chg="add mod">
          <ac:chgData name="Daly Donnacha HSLU I" userId="0f22e960-400a-43ff-baeb-4828c8f5cd3a" providerId="ADAL" clId="{1879CA28-5272-A94F-BF0B-460FF965AE07}" dt="2022-03-04T04:25:50.603" v="1404"/>
          <ac:spMkLst>
            <pc:docMk/>
            <pc:sldMk cId="4065305565" sldId="345"/>
            <ac:spMk id="5" creationId="{D252DC26-766B-E24D-87B0-B96F2B6F7E7A}"/>
          </ac:spMkLst>
        </pc:spChg>
        <pc:spChg chg="add mod">
          <ac:chgData name="Daly Donnacha HSLU I" userId="0f22e960-400a-43ff-baeb-4828c8f5cd3a" providerId="ADAL" clId="{1879CA28-5272-A94F-BF0B-460FF965AE07}" dt="2022-03-04T04:37:14.371" v="1510" actId="207"/>
          <ac:spMkLst>
            <pc:docMk/>
            <pc:sldMk cId="4065305565" sldId="345"/>
            <ac:spMk id="6" creationId="{904D50AE-7BAA-5848-BFD3-191974314B27}"/>
          </ac:spMkLst>
        </pc:spChg>
        <pc:graphicFrameChg chg="add mod modGraphic">
          <ac:chgData name="Daly Donnacha HSLU I" userId="0f22e960-400a-43ff-baeb-4828c8f5cd3a" providerId="ADAL" clId="{1879CA28-5272-A94F-BF0B-460FF965AE07}" dt="2022-03-04T04:37:18.667" v="1511" actId="113"/>
          <ac:graphicFrameMkLst>
            <pc:docMk/>
            <pc:sldMk cId="4065305565" sldId="345"/>
            <ac:graphicFrameMk id="3" creationId="{9987152F-FC07-8340-A35F-46C45639101D}"/>
          </ac:graphicFrameMkLst>
        </pc:graphicFrameChg>
        <pc:picChg chg="add mod">
          <ac:chgData name="Daly Donnacha HSLU I" userId="0f22e960-400a-43ff-baeb-4828c8f5cd3a" providerId="ADAL" clId="{1879CA28-5272-A94F-BF0B-460FF965AE07}" dt="2022-03-04T04:25:50.603" v="1404"/>
          <ac:picMkLst>
            <pc:docMk/>
            <pc:sldMk cId="4065305565" sldId="345"/>
            <ac:picMk id="4" creationId="{C2325498-77CD-8740-B03F-38B23823D20B}"/>
          </ac:picMkLst>
        </pc:picChg>
      </pc:sldChg>
      <pc:sldChg chg="addSp modSp new mod">
        <pc:chgData name="Daly Donnacha HSLU I" userId="0f22e960-400a-43ff-baeb-4828c8f5cd3a" providerId="ADAL" clId="{1879CA28-5272-A94F-BF0B-460FF965AE07}" dt="2022-03-04T04:28:18.820" v="1446" actId="207"/>
        <pc:sldMkLst>
          <pc:docMk/>
          <pc:sldMk cId="2258419668" sldId="346"/>
        </pc:sldMkLst>
        <pc:spChg chg="mod">
          <ac:chgData name="Daly Donnacha HSLU I" userId="0f22e960-400a-43ff-baeb-4828c8f5cd3a" providerId="ADAL" clId="{1879CA28-5272-A94F-BF0B-460FF965AE07}" dt="2022-03-04T04:27:21.251" v="1436" actId="20577"/>
          <ac:spMkLst>
            <pc:docMk/>
            <pc:sldMk cId="2258419668" sldId="346"/>
            <ac:spMk id="2" creationId="{B0A84A10-EEE5-7E45-9237-9DB8CE37BECD}"/>
          </ac:spMkLst>
        </pc:spChg>
        <pc:spChg chg="add mod">
          <ac:chgData name="Daly Donnacha HSLU I" userId="0f22e960-400a-43ff-baeb-4828c8f5cd3a" providerId="ADAL" clId="{1879CA28-5272-A94F-BF0B-460FF965AE07}" dt="2022-03-04T04:28:18.820" v="1446" actId="207"/>
          <ac:spMkLst>
            <pc:docMk/>
            <pc:sldMk cId="2258419668" sldId="346"/>
            <ac:spMk id="3" creationId="{2450D6EB-178C-EA48-8AA7-7BE7ED77B03F}"/>
          </ac:spMkLst>
        </pc:spChg>
        <pc:spChg chg="add mod">
          <ac:chgData name="Daly Donnacha HSLU I" userId="0f22e960-400a-43ff-baeb-4828c8f5cd3a" providerId="ADAL" clId="{1879CA28-5272-A94F-BF0B-460FF965AE07}" dt="2022-03-04T04:27:29.115" v="1437"/>
          <ac:spMkLst>
            <pc:docMk/>
            <pc:sldMk cId="2258419668" sldId="346"/>
            <ac:spMk id="6" creationId="{383D57C6-7AF6-7244-B5B5-00523443FE94}"/>
          </ac:spMkLst>
        </pc:spChg>
        <pc:spChg chg="add mod">
          <ac:chgData name="Daly Donnacha HSLU I" userId="0f22e960-400a-43ff-baeb-4828c8f5cd3a" providerId="ADAL" clId="{1879CA28-5272-A94F-BF0B-460FF965AE07}" dt="2022-03-04T04:27:29.115" v="1437"/>
          <ac:spMkLst>
            <pc:docMk/>
            <pc:sldMk cId="2258419668" sldId="346"/>
            <ac:spMk id="7" creationId="{9EDA0892-1E4B-C147-905F-1F9E0E7857C1}"/>
          </ac:spMkLst>
        </pc:spChg>
        <pc:spChg chg="add mod">
          <ac:chgData name="Daly Donnacha HSLU I" userId="0f22e960-400a-43ff-baeb-4828c8f5cd3a" providerId="ADAL" clId="{1879CA28-5272-A94F-BF0B-460FF965AE07}" dt="2022-03-04T04:27:29.115" v="1437"/>
          <ac:spMkLst>
            <pc:docMk/>
            <pc:sldMk cId="2258419668" sldId="346"/>
            <ac:spMk id="8" creationId="{09155664-3C6B-314C-B221-9F09B160D010}"/>
          </ac:spMkLst>
        </pc:spChg>
        <pc:graphicFrameChg chg="add mod modGraphic">
          <ac:chgData name="Daly Donnacha HSLU I" userId="0f22e960-400a-43ff-baeb-4828c8f5cd3a" providerId="ADAL" clId="{1879CA28-5272-A94F-BF0B-460FF965AE07}" dt="2022-03-04T04:27:39.412" v="1440" actId="207"/>
          <ac:graphicFrameMkLst>
            <pc:docMk/>
            <pc:sldMk cId="2258419668" sldId="346"/>
            <ac:graphicFrameMk id="4" creationId="{BACDAC93-A2E3-8B43-8253-BE4C048DDFEA}"/>
          </ac:graphicFrameMkLst>
        </pc:graphicFrameChg>
        <pc:picChg chg="add mod">
          <ac:chgData name="Daly Donnacha HSLU I" userId="0f22e960-400a-43ff-baeb-4828c8f5cd3a" providerId="ADAL" clId="{1879CA28-5272-A94F-BF0B-460FF965AE07}" dt="2022-03-04T04:27:29.115" v="1437"/>
          <ac:picMkLst>
            <pc:docMk/>
            <pc:sldMk cId="2258419668" sldId="346"/>
            <ac:picMk id="5" creationId="{3E5B487C-7345-824C-93BD-7B2A11998589}"/>
          </ac:picMkLst>
        </pc:picChg>
      </pc:sldChg>
      <pc:sldChg chg="new del">
        <pc:chgData name="Daly Donnacha HSLU I" userId="0f22e960-400a-43ff-baeb-4828c8f5cd3a" providerId="ADAL" clId="{1879CA28-5272-A94F-BF0B-460FF965AE07}" dt="2022-03-04T04:38:29.346" v="1515" actId="2696"/>
        <pc:sldMkLst>
          <pc:docMk/>
          <pc:sldMk cId="1751330102" sldId="347"/>
        </pc:sldMkLst>
      </pc:sldChg>
      <pc:sldChg chg="addSp modSp new mod">
        <pc:chgData name="Daly Donnacha HSLU I" userId="0f22e960-400a-43ff-baeb-4828c8f5cd3a" providerId="ADAL" clId="{1879CA28-5272-A94F-BF0B-460FF965AE07}" dt="2022-03-04T04:40:04.183" v="1563" actId="208"/>
        <pc:sldMkLst>
          <pc:docMk/>
          <pc:sldMk cId="3313061777" sldId="347"/>
        </pc:sldMkLst>
        <pc:spChg chg="mod">
          <ac:chgData name="Daly Donnacha HSLU I" userId="0f22e960-400a-43ff-baeb-4828c8f5cd3a" providerId="ADAL" clId="{1879CA28-5272-A94F-BF0B-460FF965AE07}" dt="2022-03-04T04:39:22.448" v="1556" actId="20577"/>
          <ac:spMkLst>
            <pc:docMk/>
            <pc:sldMk cId="3313061777" sldId="347"/>
            <ac:spMk id="2" creationId="{129D9E85-6D5C-BC4E-829C-24B60AEF3B0D}"/>
          </ac:spMkLst>
        </pc:spChg>
        <pc:spChg chg="add mod">
          <ac:chgData name="Daly Donnacha HSLU I" userId="0f22e960-400a-43ff-baeb-4828c8f5cd3a" providerId="ADAL" clId="{1879CA28-5272-A94F-BF0B-460FF965AE07}" dt="2022-03-04T04:39:35.647" v="1559"/>
          <ac:spMkLst>
            <pc:docMk/>
            <pc:sldMk cId="3313061777" sldId="347"/>
            <ac:spMk id="4" creationId="{30FBA450-66FF-8448-A5E2-DA9A8B5C9AD7}"/>
          </ac:spMkLst>
        </pc:spChg>
        <pc:spChg chg="add mod">
          <ac:chgData name="Daly Donnacha HSLU I" userId="0f22e960-400a-43ff-baeb-4828c8f5cd3a" providerId="ADAL" clId="{1879CA28-5272-A94F-BF0B-460FF965AE07}" dt="2022-03-04T04:39:35.647" v="1559"/>
          <ac:spMkLst>
            <pc:docMk/>
            <pc:sldMk cId="3313061777" sldId="347"/>
            <ac:spMk id="5" creationId="{26E674C6-3562-7D4B-9D1E-42CFA984B2AF}"/>
          </ac:spMkLst>
        </pc:spChg>
        <pc:graphicFrameChg chg="add mod modGraphic">
          <ac:chgData name="Daly Donnacha HSLU I" userId="0f22e960-400a-43ff-baeb-4828c8f5cd3a" providerId="ADAL" clId="{1879CA28-5272-A94F-BF0B-460FF965AE07}" dt="2022-03-04T04:39:44.254" v="1560" actId="207"/>
          <ac:graphicFrameMkLst>
            <pc:docMk/>
            <pc:sldMk cId="3313061777" sldId="347"/>
            <ac:graphicFrameMk id="3" creationId="{2BBFBB7F-E092-164D-9E5B-0BE60F5E3929}"/>
          </ac:graphicFrameMkLst>
        </pc:graphicFrameChg>
        <pc:picChg chg="add mod">
          <ac:chgData name="Daly Donnacha HSLU I" userId="0f22e960-400a-43ff-baeb-4828c8f5cd3a" providerId="ADAL" clId="{1879CA28-5272-A94F-BF0B-460FF965AE07}" dt="2022-03-04T04:39:56.102" v="1562" actId="167"/>
          <ac:picMkLst>
            <pc:docMk/>
            <pc:sldMk cId="3313061777" sldId="347"/>
            <ac:picMk id="9" creationId="{B8D90F37-09B0-E843-9F52-9A4588A7978A}"/>
          </ac:picMkLst>
        </pc:picChg>
        <pc:cxnChg chg="add mod">
          <ac:chgData name="Daly Donnacha HSLU I" userId="0f22e960-400a-43ff-baeb-4828c8f5cd3a" providerId="ADAL" clId="{1879CA28-5272-A94F-BF0B-460FF965AE07}" dt="2022-03-04T04:40:04.183" v="1563" actId="208"/>
          <ac:cxnSpMkLst>
            <pc:docMk/>
            <pc:sldMk cId="3313061777" sldId="347"/>
            <ac:cxnSpMk id="6" creationId="{DF5DFA84-0634-3A44-8A90-935A17C6170E}"/>
          </ac:cxnSpMkLst>
        </pc:cxnChg>
        <pc:cxnChg chg="add mod">
          <ac:chgData name="Daly Donnacha HSLU I" userId="0f22e960-400a-43ff-baeb-4828c8f5cd3a" providerId="ADAL" clId="{1879CA28-5272-A94F-BF0B-460FF965AE07}" dt="2022-03-04T04:40:04.183" v="1563" actId="208"/>
          <ac:cxnSpMkLst>
            <pc:docMk/>
            <pc:sldMk cId="3313061777" sldId="347"/>
            <ac:cxnSpMk id="7" creationId="{4D29DEE8-33E3-CF49-AF13-C9759762DE69}"/>
          </ac:cxnSpMkLst>
        </pc:cxnChg>
        <pc:cxnChg chg="add mod">
          <ac:chgData name="Daly Donnacha HSLU I" userId="0f22e960-400a-43ff-baeb-4828c8f5cd3a" providerId="ADAL" clId="{1879CA28-5272-A94F-BF0B-460FF965AE07}" dt="2022-03-04T04:40:04.183" v="1563" actId="208"/>
          <ac:cxnSpMkLst>
            <pc:docMk/>
            <pc:sldMk cId="3313061777" sldId="347"/>
            <ac:cxnSpMk id="8" creationId="{00BF109D-1E95-8046-A5D2-8E26C9FA2497}"/>
          </ac:cxnSpMkLst>
        </pc:cxnChg>
      </pc:sldChg>
      <pc:sldChg chg="addSp delSp modSp new mod">
        <pc:chgData name="Daly Donnacha HSLU I" userId="0f22e960-400a-43ff-baeb-4828c8f5cd3a" providerId="ADAL" clId="{1879CA28-5272-A94F-BF0B-460FF965AE07}" dt="2022-03-04T04:41:24.769" v="1590" actId="20577"/>
        <pc:sldMkLst>
          <pc:docMk/>
          <pc:sldMk cId="1744662638" sldId="348"/>
        </pc:sldMkLst>
        <pc:spChg chg="mod">
          <ac:chgData name="Daly Donnacha HSLU I" userId="0f22e960-400a-43ff-baeb-4828c8f5cd3a" providerId="ADAL" clId="{1879CA28-5272-A94F-BF0B-460FF965AE07}" dt="2022-03-04T04:41:24.769" v="1590" actId="20577"/>
          <ac:spMkLst>
            <pc:docMk/>
            <pc:sldMk cId="1744662638" sldId="348"/>
            <ac:spMk id="2" creationId="{99357C8A-6DB7-3B4D-8B0F-C11AF88D5360}"/>
          </ac:spMkLst>
        </pc:spChg>
        <pc:spChg chg="add del mod">
          <ac:chgData name="Daly Donnacha HSLU I" userId="0f22e960-400a-43ff-baeb-4828c8f5cd3a" providerId="ADAL" clId="{1879CA28-5272-A94F-BF0B-460FF965AE07}" dt="2022-03-04T04:39:33.105" v="1558"/>
          <ac:spMkLst>
            <pc:docMk/>
            <pc:sldMk cId="1744662638" sldId="348"/>
            <ac:spMk id="4" creationId="{40C28B9E-D8C0-CE46-B09F-74E0316CA9C9}"/>
          </ac:spMkLst>
        </pc:spChg>
        <pc:spChg chg="add del mod">
          <ac:chgData name="Daly Donnacha HSLU I" userId="0f22e960-400a-43ff-baeb-4828c8f5cd3a" providerId="ADAL" clId="{1879CA28-5272-A94F-BF0B-460FF965AE07}" dt="2022-03-04T04:39:33.105" v="1558"/>
          <ac:spMkLst>
            <pc:docMk/>
            <pc:sldMk cId="1744662638" sldId="348"/>
            <ac:spMk id="5" creationId="{005056F8-11B9-0E47-81F3-CC4C4A2562A1}"/>
          </ac:spMkLst>
        </pc:spChg>
        <pc:spChg chg="add mod">
          <ac:chgData name="Daly Donnacha HSLU I" userId="0f22e960-400a-43ff-baeb-4828c8f5cd3a" providerId="ADAL" clId="{1879CA28-5272-A94F-BF0B-460FF965AE07}" dt="2022-03-04T04:40:35.914" v="1566"/>
          <ac:spMkLst>
            <pc:docMk/>
            <pc:sldMk cId="1744662638" sldId="348"/>
            <ac:spMk id="10" creationId="{6B122594-3333-5048-8C2C-B50C2428D7D5}"/>
          </ac:spMkLst>
        </pc:spChg>
        <pc:spChg chg="add mod">
          <ac:chgData name="Daly Donnacha HSLU I" userId="0f22e960-400a-43ff-baeb-4828c8f5cd3a" providerId="ADAL" clId="{1879CA28-5272-A94F-BF0B-460FF965AE07}" dt="2022-03-04T04:40:48.665" v="1569" actId="113"/>
          <ac:spMkLst>
            <pc:docMk/>
            <pc:sldMk cId="1744662638" sldId="348"/>
            <ac:spMk id="11" creationId="{2B6D7AB2-341D-E14C-8498-0081EB412571}"/>
          </ac:spMkLst>
        </pc:spChg>
        <pc:spChg chg="add mod">
          <ac:chgData name="Daly Donnacha HSLU I" userId="0f22e960-400a-43ff-baeb-4828c8f5cd3a" providerId="ADAL" clId="{1879CA28-5272-A94F-BF0B-460FF965AE07}" dt="2022-03-04T04:40:35.914" v="1566"/>
          <ac:spMkLst>
            <pc:docMk/>
            <pc:sldMk cId="1744662638" sldId="348"/>
            <ac:spMk id="12" creationId="{1062DC38-1896-5149-BF2D-0AFADD56EC64}"/>
          </ac:spMkLst>
        </pc:spChg>
        <pc:graphicFrameChg chg="add del mod">
          <ac:chgData name="Daly Donnacha HSLU I" userId="0f22e960-400a-43ff-baeb-4828c8f5cd3a" providerId="ADAL" clId="{1879CA28-5272-A94F-BF0B-460FF965AE07}" dt="2022-03-04T04:39:33.105" v="1558"/>
          <ac:graphicFrameMkLst>
            <pc:docMk/>
            <pc:sldMk cId="1744662638" sldId="348"/>
            <ac:graphicFrameMk id="3" creationId="{CD6BE249-A28C-2447-B921-8AEA2A7504FE}"/>
          </ac:graphicFrameMkLst>
        </pc:graphicFrameChg>
        <pc:graphicFrameChg chg="add mod">
          <ac:chgData name="Daly Donnacha HSLU I" userId="0f22e960-400a-43ff-baeb-4828c8f5cd3a" providerId="ADAL" clId="{1879CA28-5272-A94F-BF0B-460FF965AE07}" dt="2022-03-04T04:40:35.914" v="1566"/>
          <ac:graphicFrameMkLst>
            <pc:docMk/>
            <pc:sldMk cId="1744662638" sldId="348"/>
            <ac:graphicFrameMk id="15" creationId="{B97748FE-7D74-8944-887D-3EB9B21E9F8F}"/>
          </ac:graphicFrameMkLst>
        </pc:graphicFrameChg>
        <pc:picChg chg="add mod">
          <ac:chgData name="Daly Donnacha HSLU I" userId="0f22e960-400a-43ff-baeb-4828c8f5cd3a" providerId="ADAL" clId="{1879CA28-5272-A94F-BF0B-460FF965AE07}" dt="2022-03-04T04:40:35.914" v="1566"/>
          <ac:picMkLst>
            <pc:docMk/>
            <pc:sldMk cId="1744662638" sldId="348"/>
            <ac:picMk id="9" creationId="{8CDE52AD-BF5B-A64D-AE73-ACBE182ABBC5}"/>
          </ac:picMkLst>
        </pc:picChg>
        <pc:cxnChg chg="add del mod">
          <ac:chgData name="Daly Donnacha HSLU I" userId="0f22e960-400a-43ff-baeb-4828c8f5cd3a" providerId="ADAL" clId="{1879CA28-5272-A94F-BF0B-460FF965AE07}" dt="2022-03-04T04:39:33.105" v="1558"/>
          <ac:cxnSpMkLst>
            <pc:docMk/>
            <pc:sldMk cId="1744662638" sldId="348"/>
            <ac:cxnSpMk id="6" creationId="{A6D89D4E-A910-8A4E-88E7-A4C0FBE13456}"/>
          </ac:cxnSpMkLst>
        </pc:cxnChg>
        <pc:cxnChg chg="add del mod">
          <ac:chgData name="Daly Donnacha HSLU I" userId="0f22e960-400a-43ff-baeb-4828c8f5cd3a" providerId="ADAL" clId="{1879CA28-5272-A94F-BF0B-460FF965AE07}" dt="2022-03-04T04:39:33.105" v="1558"/>
          <ac:cxnSpMkLst>
            <pc:docMk/>
            <pc:sldMk cId="1744662638" sldId="348"/>
            <ac:cxnSpMk id="7" creationId="{44A35CCF-E96B-374F-AAB7-6D2BBCCB1998}"/>
          </ac:cxnSpMkLst>
        </pc:cxnChg>
        <pc:cxnChg chg="add del mod">
          <ac:chgData name="Daly Donnacha HSLU I" userId="0f22e960-400a-43ff-baeb-4828c8f5cd3a" providerId="ADAL" clId="{1879CA28-5272-A94F-BF0B-460FF965AE07}" dt="2022-03-04T04:39:33.105" v="1558"/>
          <ac:cxnSpMkLst>
            <pc:docMk/>
            <pc:sldMk cId="1744662638" sldId="348"/>
            <ac:cxnSpMk id="8" creationId="{69B2E33C-2846-5945-82CE-06E9BBE53C30}"/>
          </ac:cxnSpMkLst>
        </pc:cxnChg>
        <pc:cxnChg chg="add mod">
          <ac:chgData name="Daly Donnacha HSLU I" userId="0f22e960-400a-43ff-baeb-4828c8f5cd3a" providerId="ADAL" clId="{1879CA28-5272-A94F-BF0B-460FF965AE07}" dt="2022-03-04T04:40:56.555" v="1570" actId="208"/>
          <ac:cxnSpMkLst>
            <pc:docMk/>
            <pc:sldMk cId="1744662638" sldId="348"/>
            <ac:cxnSpMk id="13" creationId="{F4220F33-CAC6-C344-9304-93A142D4C95A}"/>
          </ac:cxnSpMkLst>
        </pc:cxnChg>
        <pc:cxnChg chg="add mod">
          <ac:chgData name="Daly Donnacha HSLU I" userId="0f22e960-400a-43ff-baeb-4828c8f5cd3a" providerId="ADAL" clId="{1879CA28-5272-A94F-BF0B-460FF965AE07}" dt="2022-03-04T04:40:56.555" v="1570" actId="208"/>
          <ac:cxnSpMkLst>
            <pc:docMk/>
            <pc:sldMk cId="1744662638" sldId="348"/>
            <ac:cxnSpMk id="14" creationId="{5A73E006-702E-AD47-9E96-9BD0E0B17FA2}"/>
          </ac:cxnSpMkLst>
        </pc:cxnChg>
      </pc:sldChg>
      <pc:sldChg chg="new del">
        <pc:chgData name="Daly Donnacha HSLU I" userId="0f22e960-400a-43ff-baeb-4828c8f5cd3a" providerId="ADAL" clId="{1879CA28-5272-A94F-BF0B-460FF965AE07}" dt="2022-03-04T04:38:46.417" v="1521" actId="2696"/>
        <pc:sldMkLst>
          <pc:docMk/>
          <pc:sldMk cId="2666719384" sldId="348"/>
        </pc:sldMkLst>
      </pc:sldChg>
      <pc:sldChg chg="new del">
        <pc:chgData name="Daly Donnacha HSLU I" userId="0f22e960-400a-43ff-baeb-4828c8f5cd3a" providerId="ADAL" clId="{1879CA28-5272-A94F-BF0B-460FF965AE07}" dt="2022-03-04T04:38:31.112" v="1516" actId="2696"/>
        <pc:sldMkLst>
          <pc:docMk/>
          <pc:sldMk cId="2983556374" sldId="348"/>
        </pc:sldMkLst>
      </pc:sldChg>
      <pc:sldChg chg="addSp modSp new mod">
        <pc:chgData name="Daly Donnacha HSLU I" userId="0f22e960-400a-43ff-baeb-4828c8f5cd3a" providerId="ADAL" clId="{1879CA28-5272-A94F-BF0B-460FF965AE07}" dt="2022-03-04T04:42:45.018" v="1600" actId="207"/>
        <pc:sldMkLst>
          <pc:docMk/>
          <pc:sldMk cId="776509359" sldId="349"/>
        </pc:sldMkLst>
        <pc:spChg chg="mod">
          <ac:chgData name="Daly Donnacha HSLU I" userId="0f22e960-400a-43ff-baeb-4828c8f5cd3a" providerId="ADAL" clId="{1879CA28-5272-A94F-BF0B-460FF965AE07}" dt="2022-03-04T04:42:36.161" v="1598" actId="20577"/>
          <ac:spMkLst>
            <pc:docMk/>
            <pc:sldMk cId="776509359" sldId="349"/>
            <ac:spMk id="2" creationId="{4D9E4E53-1791-1E48-AB1D-6D70504031C0}"/>
          </ac:spMkLst>
        </pc:spChg>
        <pc:spChg chg="add mod">
          <ac:chgData name="Daly Donnacha HSLU I" userId="0f22e960-400a-43ff-baeb-4828c8f5cd3a" providerId="ADAL" clId="{1879CA28-5272-A94F-BF0B-460FF965AE07}" dt="2022-03-04T04:42:45.018" v="1600" actId="207"/>
          <ac:spMkLst>
            <pc:docMk/>
            <pc:sldMk cId="776509359" sldId="349"/>
            <ac:spMk id="3" creationId="{EA4DD291-D43F-AA4E-82F7-8DA10A777ECB}"/>
          </ac:spMkLst>
        </pc:spChg>
      </pc:sldChg>
      <pc:sldChg chg="new del">
        <pc:chgData name="Daly Donnacha HSLU I" userId="0f22e960-400a-43ff-baeb-4828c8f5cd3a" providerId="ADAL" clId="{1879CA28-5272-A94F-BF0B-460FF965AE07}" dt="2022-03-04T04:38:47.381" v="1522" actId="2696"/>
        <pc:sldMkLst>
          <pc:docMk/>
          <pc:sldMk cId="1795823745" sldId="349"/>
        </pc:sldMkLst>
      </pc:sldChg>
      <pc:sldChg chg="new del">
        <pc:chgData name="Daly Donnacha HSLU I" userId="0f22e960-400a-43ff-baeb-4828c8f5cd3a" providerId="ADAL" clId="{1879CA28-5272-A94F-BF0B-460FF965AE07}" dt="2022-03-04T04:38:31.805" v="1517" actId="2696"/>
        <pc:sldMkLst>
          <pc:docMk/>
          <pc:sldMk cId="2852843306" sldId="349"/>
        </pc:sldMkLst>
      </pc:sldChg>
      <pc:sldChg chg="new del">
        <pc:chgData name="Daly Donnacha HSLU I" userId="0f22e960-400a-43ff-baeb-4828c8f5cd3a" providerId="ADAL" clId="{1879CA28-5272-A94F-BF0B-460FF965AE07}" dt="2022-03-04T04:39:08.509" v="1525" actId="2696"/>
        <pc:sldMkLst>
          <pc:docMk/>
          <pc:sldMk cId="2963380976" sldId="349"/>
        </pc:sldMkLst>
      </pc:sldChg>
    </pc:docChg>
  </pc:docChgLst>
  <pc:docChgLst>
    <pc:chgData name="Daly Donnacha HSLU I" userId="0f22e960-400a-43ff-baeb-4828c8f5cd3a" providerId="ADAL" clId="{03114B7B-7488-CF4F-8E44-D45AA42DF52C}"/>
    <pc:docChg chg="undo redo custSel addSld delSld modSld sldOrd modMainMaster">
      <pc:chgData name="Daly Donnacha HSLU I" userId="0f22e960-400a-43ff-baeb-4828c8f5cd3a" providerId="ADAL" clId="{03114B7B-7488-CF4F-8E44-D45AA42DF52C}" dt="2020-09-07T04:26:43.041" v="4439" actId="20577"/>
      <pc:docMkLst>
        <pc:docMk/>
      </pc:docMkLst>
      <pc:sldChg chg="modSp mod">
        <pc:chgData name="Daly Donnacha HSLU I" userId="0f22e960-400a-43ff-baeb-4828c8f5cd3a" providerId="ADAL" clId="{03114B7B-7488-CF4F-8E44-D45AA42DF52C}" dt="2020-09-05T08:49:45.367" v="178" actId="20577"/>
        <pc:sldMkLst>
          <pc:docMk/>
          <pc:sldMk cId="0" sldId="256"/>
        </pc:sldMkLst>
        <pc:spChg chg="mod">
          <ac:chgData name="Daly Donnacha HSLU I" userId="0f22e960-400a-43ff-baeb-4828c8f5cd3a" providerId="ADAL" clId="{03114B7B-7488-CF4F-8E44-D45AA42DF52C}" dt="2020-09-05T08:49:45.367" v="178" actId="20577"/>
          <ac:spMkLst>
            <pc:docMk/>
            <pc:sldMk cId="0" sldId="256"/>
            <ac:spMk id="3075" creationId="{00000000-0000-0000-0000-000000000000}"/>
          </ac:spMkLst>
        </pc:spChg>
      </pc:sldChg>
      <pc:sldChg chg="addSp delSp modSp mod">
        <pc:chgData name="Daly Donnacha HSLU I" userId="0f22e960-400a-43ff-baeb-4828c8f5cd3a" providerId="ADAL" clId="{03114B7B-7488-CF4F-8E44-D45AA42DF52C}" dt="2020-09-05T11:09:04.284" v="3146" actId="6549"/>
        <pc:sldMkLst>
          <pc:docMk/>
          <pc:sldMk cId="2112635940" sldId="275"/>
        </pc:sldMkLst>
        <pc:spChg chg="mod">
          <ac:chgData name="Daly Donnacha HSLU I" userId="0f22e960-400a-43ff-baeb-4828c8f5cd3a" providerId="ADAL" clId="{03114B7B-7488-CF4F-8E44-D45AA42DF52C}" dt="2020-09-05T08:51:34.794" v="301" actId="20577"/>
          <ac:spMkLst>
            <pc:docMk/>
            <pc:sldMk cId="2112635940" sldId="275"/>
            <ac:spMk id="2" creationId="{4A11D16A-03FB-D64B-9EF6-6518847E98FD}"/>
          </ac:spMkLst>
        </pc:spChg>
        <pc:spChg chg="del mod">
          <ac:chgData name="Daly Donnacha HSLU I" userId="0f22e960-400a-43ff-baeb-4828c8f5cd3a" providerId="ADAL" clId="{03114B7B-7488-CF4F-8E44-D45AA42DF52C}" dt="2020-09-05T08:53:18.361" v="395" actId="478"/>
          <ac:spMkLst>
            <pc:docMk/>
            <pc:sldMk cId="2112635940" sldId="275"/>
            <ac:spMk id="4" creationId="{FC5F6C40-F241-3340-999D-FD5515B88C00}"/>
          </ac:spMkLst>
        </pc:spChg>
        <pc:graphicFrameChg chg="add mod modGraphic">
          <ac:chgData name="Daly Donnacha HSLU I" userId="0f22e960-400a-43ff-baeb-4828c8f5cd3a" providerId="ADAL" clId="{03114B7B-7488-CF4F-8E44-D45AA42DF52C}" dt="2020-09-05T11:09:04.284" v="3146" actId="6549"/>
          <ac:graphicFrameMkLst>
            <pc:docMk/>
            <pc:sldMk cId="2112635940" sldId="275"/>
            <ac:graphicFrameMk id="5" creationId="{3CABB462-F1A3-0342-824E-82EDEDA65477}"/>
          </ac:graphicFrameMkLst>
        </pc:graphicFrameChg>
      </pc:sldChg>
      <pc:sldChg chg="addSp modSp add mod">
        <pc:chgData name="Daly Donnacha HSLU I" userId="0f22e960-400a-43ff-baeb-4828c8f5cd3a" providerId="ADAL" clId="{03114B7B-7488-CF4F-8E44-D45AA42DF52C}" dt="2020-09-05T09:17:55.440" v="1121"/>
        <pc:sldMkLst>
          <pc:docMk/>
          <pc:sldMk cId="237329280" sldId="276"/>
        </pc:sldMkLst>
        <pc:spChg chg="mod">
          <ac:chgData name="Daly Donnacha HSLU I" userId="0f22e960-400a-43ff-baeb-4828c8f5cd3a" providerId="ADAL" clId="{03114B7B-7488-CF4F-8E44-D45AA42DF52C}" dt="2020-09-05T09:09:45.861" v="1041" actId="255"/>
          <ac:spMkLst>
            <pc:docMk/>
            <pc:sldMk cId="237329280" sldId="276"/>
            <ac:spMk id="2" creationId="{5393458C-E56A-D946-A095-089FF6063038}"/>
          </ac:spMkLst>
        </pc:spChg>
        <pc:picChg chg="add mod modCrop">
          <ac:chgData name="Daly Donnacha HSLU I" userId="0f22e960-400a-43ff-baeb-4828c8f5cd3a" providerId="ADAL" clId="{03114B7B-7488-CF4F-8E44-D45AA42DF52C}" dt="2020-09-05T09:17:55.440" v="1121"/>
          <ac:picMkLst>
            <pc:docMk/>
            <pc:sldMk cId="237329280" sldId="276"/>
            <ac:picMk id="3" creationId="{16E0C087-3F6C-B341-9217-6B97FC524BA3}"/>
          </ac:picMkLst>
        </pc:picChg>
      </pc:sldChg>
      <pc:sldChg chg="del">
        <pc:chgData name="Daly Donnacha HSLU I" userId="0f22e960-400a-43ff-baeb-4828c8f5cd3a" providerId="ADAL" clId="{03114B7B-7488-CF4F-8E44-D45AA42DF52C}" dt="2020-09-05T09:07:36.719" v="906" actId="2696"/>
        <pc:sldMkLst>
          <pc:docMk/>
          <pc:sldMk cId="4067393084" sldId="276"/>
        </pc:sldMkLst>
      </pc:sldChg>
      <pc:sldChg chg="addSp delSp modSp add mod">
        <pc:chgData name="Daly Donnacha HSLU I" userId="0f22e960-400a-43ff-baeb-4828c8f5cd3a" providerId="ADAL" clId="{03114B7B-7488-CF4F-8E44-D45AA42DF52C}" dt="2020-09-05T09:24:38.220" v="1249" actId="732"/>
        <pc:sldMkLst>
          <pc:docMk/>
          <pc:sldMk cId="1193448513" sldId="277"/>
        </pc:sldMkLst>
        <pc:spChg chg="mod">
          <ac:chgData name="Daly Donnacha HSLU I" userId="0f22e960-400a-43ff-baeb-4828c8f5cd3a" providerId="ADAL" clId="{03114B7B-7488-CF4F-8E44-D45AA42DF52C}" dt="2020-09-05T09:22:52.626" v="1237" actId="20577"/>
          <ac:spMkLst>
            <pc:docMk/>
            <pc:sldMk cId="1193448513" sldId="277"/>
            <ac:spMk id="2" creationId="{5393458C-E56A-D946-A095-089FF6063038}"/>
          </ac:spMkLst>
        </pc:spChg>
        <pc:picChg chg="mod">
          <ac:chgData name="Daly Donnacha HSLU I" userId="0f22e960-400a-43ff-baeb-4828c8f5cd3a" providerId="ADAL" clId="{03114B7B-7488-CF4F-8E44-D45AA42DF52C}" dt="2020-09-05T09:18:20.929" v="1122"/>
          <ac:picMkLst>
            <pc:docMk/>
            <pc:sldMk cId="1193448513" sldId="277"/>
            <ac:picMk id="3" creationId="{16E0C087-3F6C-B341-9217-6B97FC524BA3}"/>
          </ac:picMkLst>
        </pc:picChg>
        <pc:picChg chg="add mod">
          <ac:chgData name="Daly Donnacha HSLU I" userId="0f22e960-400a-43ff-baeb-4828c8f5cd3a" providerId="ADAL" clId="{03114B7B-7488-CF4F-8E44-D45AA42DF52C}" dt="2020-09-05T09:18:46.549" v="1127" actId="14100"/>
          <ac:picMkLst>
            <pc:docMk/>
            <pc:sldMk cId="1193448513" sldId="277"/>
            <ac:picMk id="4" creationId="{9D7E7389-4609-7245-8B22-2295541D7144}"/>
          </ac:picMkLst>
        </pc:picChg>
        <pc:picChg chg="add mod">
          <ac:chgData name="Daly Donnacha HSLU I" userId="0f22e960-400a-43ff-baeb-4828c8f5cd3a" providerId="ADAL" clId="{03114B7B-7488-CF4F-8E44-D45AA42DF52C}" dt="2020-09-05T09:21:28.150" v="1223" actId="14100"/>
          <ac:picMkLst>
            <pc:docMk/>
            <pc:sldMk cId="1193448513" sldId="277"/>
            <ac:picMk id="5" creationId="{1796BAC2-D3B3-8149-BB4C-4722105A8481}"/>
          </ac:picMkLst>
        </pc:picChg>
        <pc:picChg chg="add mod">
          <ac:chgData name="Daly Donnacha HSLU I" userId="0f22e960-400a-43ff-baeb-4828c8f5cd3a" providerId="ADAL" clId="{03114B7B-7488-CF4F-8E44-D45AA42DF52C}" dt="2020-09-05T09:22:40.018" v="1235" actId="167"/>
          <ac:picMkLst>
            <pc:docMk/>
            <pc:sldMk cId="1193448513" sldId="277"/>
            <ac:picMk id="6" creationId="{392E67E0-F83E-1540-9E50-F8D6A9019E96}"/>
          </ac:picMkLst>
        </pc:picChg>
        <pc:picChg chg="add del mod">
          <ac:chgData name="Daly Donnacha HSLU I" userId="0f22e960-400a-43ff-baeb-4828c8f5cd3a" providerId="ADAL" clId="{03114B7B-7488-CF4F-8E44-D45AA42DF52C}" dt="2020-09-05T09:23:29.859" v="1243" actId="478"/>
          <ac:picMkLst>
            <pc:docMk/>
            <pc:sldMk cId="1193448513" sldId="277"/>
            <ac:picMk id="7" creationId="{448158FC-F662-CD4D-95EB-741F09ED781B}"/>
          </ac:picMkLst>
        </pc:picChg>
        <pc:picChg chg="add mod">
          <ac:chgData name="Daly Donnacha HSLU I" userId="0f22e960-400a-43ff-baeb-4828c8f5cd3a" providerId="ADAL" clId="{03114B7B-7488-CF4F-8E44-D45AA42DF52C}" dt="2020-09-05T09:23:26.936" v="1242" actId="14100"/>
          <ac:picMkLst>
            <pc:docMk/>
            <pc:sldMk cId="1193448513" sldId="277"/>
            <ac:picMk id="8" creationId="{837B4C31-72E5-6644-84DF-883F351D47B3}"/>
          </ac:picMkLst>
        </pc:picChg>
        <pc:picChg chg="add mod modCrop">
          <ac:chgData name="Daly Donnacha HSLU I" userId="0f22e960-400a-43ff-baeb-4828c8f5cd3a" providerId="ADAL" clId="{03114B7B-7488-CF4F-8E44-D45AA42DF52C}" dt="2020-09-05T09:24:38.220" v="1249" actId="732"/>
          <ac:picMkLst>
            <pc:docMk/>
            <pc:sldMk cId="1193448513" sldId="277"/>
            <ac:picMk id="9" creationId="{DD09079E-E80D-7C4F-A94F-D396C5AB0060}"/>
          </ac:picMkLst>
        </pc:picChg>
      </pc:sldChg>
      <pc:sldChg chg="del">
        <pc:chgData name="Daly Donnacha HSLU I" userId="0f22e960-400a-43ff-baeb-4828c8f5cd3a" providerId="ADAL" clId="{03114B7B-7488-CF4F-8E44-D45AA42DF52C}" dt="2020-09-05T09:07:32.498" v="903" actId="2696"/>
        <pc:sldMkLst>
          <pc:docMk/>
          <pc:sldMk cId="3817648588" sldId="277"/>
        </pc:sldMkLst>
      </pc:sldChg>
      <pc:sldChg chg="addSp delSp modSp add mod ord">
        <pc:chgData name="Daly Donnacha HSLU I" userId="0f22e960-400a-43ff-baeb-4828c8f5cd3a" providerId="ADAL" clId="{03114B7B-7488-CF4F-8E44-D45AA42DF52C}" dt="2020-09-05T10:16:31.885" v="2866" actId="20578"/>
        <pc:sldMkLst>
          <pc:docMk/>
          <pc:sldMk cId="1880687918" sldId="278"/>
        </pc:sldMkLst>
        <pc:spChg chg="mod">
          <ac:chgData name="Daly Donnacha HSLU I" userId="0f22e960-400a-43ff-baeb-4828c8f5cd3a" providerId="ADAL" clId="{03114B7B-7488-CF4F-8E44-D45AA42DF52C}" dt="2020-09-05T09:26:36.248" v="1323" actId="20577"/>
          <ac:spMkLst>
            <pc:docMk/>
            <pc:sldMk cId="1880687918" sldId="278"/>
            <ac:spMk id="2" creationId="{5393458C-E56A-D946-A095-089FF6063038}"/>
          </ac:spMkLst>
        </pc:spChg>
        <pc:graphicFrameChg chg="add del mod">
          <ac:chgData name="Daly Donnacha HSLU I" userId="0f22e960-400a-43ff-baeb-4828c8f5cd3a" providerId="ADAL" clId="{03114B7B-7488-CF4F-8E44-D45AA42DF52C}" dt="2020-09-05T09:27:17.310" v="1330"/>
          <ac:graphicFrameMkLst>
            <pc:docMk/>
            <pc:sldMk cId="1880687918" sldId="278"/>
            <ac:graphicFrameMk id="7" creationId="{E3755DA2-FF45-AC43-88C9-D2C05C4AE2CB}"/>
          </ac:graphicFrameMkLst>
        </pc:graphicFrameChg>
        <pc:picChg chg="del">
          <ac:chgData name="Daly Donnacha HSLU I" userId="0f22e960-400a-43ff-baeb-4828c8f5cd3a" providerId="ADAL" clId="{03114B7B-7488-CF4F-8E44-D45AA42DF52C}" dt="2020-09-05T09:26:41.920" v="1324" actId="478"/>
          <ac:picMkLst>
            <pc:docMk/>
            <pc:sldMk cId="1880687918" sldId="278"/>
            <ac:picMk id="4" creationId="{9D7E7389-4609-7245-8B22-2295541D7144}"/>
          </ac:picMkLst>
        </pc:picChg>
        <pc:picChg chg="del">
          <ac:chgData name="Daly Donnacha HSLU I" userId="0f22e960-400a-43ff-baeb-4828c8f5cd3a" providerId="ADAL" clId="{03114B7B-7488-CF4F-8E44-D45AA42DF52C}" dt="2020-09-05T09:26:44.391" v="1325" actId="478"/>
          <ac:picMkLst>
            <pc:docMk/>
            <pc:sldMk cId="1880687918" sldId="278"/>
            <ac:picMk id="5" creationId="{1796BAC2-D3B3-8149-BB4C-4722105A8481}"/>
          </ac:picMkLst>
        </pc:picChg>
        <pc:picChg chg="del">
          <ac:chgData name="Daly Donnacha HSLU I" userId="0f22e960-400a-43ff-baeb-4828c8f5cd3a" providerId="ADAL" clId="{03114B7B-7488-CF4F-8E44-D45AA42DF52C}" dt="2020-09-05T09:27:12.193" v="1328" actId="478"/>
          <ac:picMkLst>
            <pc:docMk/>
            <pc:sldMk cId="1880687918" sldId="278"/>
            <ac:picMk id="6" creationId="{392E67E0-F83E-1540-9E50-F8D6A9019E96}"/>
          </ac:picMkLst>
        </pc:picChg>
        <pc:picChg chg="del">
          <ac:chgData name="Daly Donnacha HSLU I" userId="0f22e960-400a-43ff-baeb-4828c8f5cd3a" providerId="ADAL" clId="{03114B7B-7488-CF4F-8E44-D45AA42DF52C}" dt="2020-09-05T09:26:46.977" v="1326" actId="478"/>
          <ac:picMkLst>
            <pc:docMk/>
            <pc:sldMk cId="1880687918" sldId="278"/>
            <ac:picMk id="8" creationId="{837B4C31-72E5-6644-84DF-883F351D47B3}"/>
          </ac:picMkLst>
        </pc:picChg>
        <pc:picChg chg="del">
          <ac:chgData name="Daly Donnacha HSLU I" userId="0f22e960-400a-43ff-baeb-4828c8f5cd3a" providerId="ADAL" clId="{03114B7B-7488-CF4F-8E44-D45AA42DF52C}" dt="2020-09-05T09:26:49.798" v="1327" actId="478"/>
          <ac:picMkLst>
            <pc:docMk/>
            <pc:sldMk cId="1880687918" sldId="278"/>
            <ac:picMk id="9" creationId="{DD09079E-E80D-7C4F-A94F-D396C5AB0060}"/>
          </ac:picMkLst>
        </pc:picChg>
        <pc:picChg chg="add del mod">
          <ac:chgData name="Daly Donnacha HSLU I" userId="0f22e960-400a-43ff-baeb-4828c8f5cd3a" providerId="ADAL" clId="{03114B7B-7488-CF4F-8E44-D45AA42DF52C}" dt="2020-09-05T09:27:31.561" v="1334" actId="478"/>
          <ac:picMkLst>
            <pc:docMk/>
            <pc:sldMk cId="1880687918" sldId="278"/>
            <ac:picMk id="10" creationId="{982C0CC3-E096-084E-8AF3-BE1C20126A1A}"/>
          </ac:picMkLst>
        </pc:picChg>
        <pc:picChg chg="add del mod">
          <ac:chgData name="Daly Donnacha HSLU I" userId="0f22e960-400a-43ff-baeb-4828c8f5cd3a" providerId="ADAL" clId="{03114B7B-7488-CF4F-8E44-D45AA42DF52C}" dt="2020-09-05T09:28:06.298" v="1338" actId="478"/>
          <ac:picMkLst>
            <pc:docMk/>
            <pc:sldMk cId="1880687918" sldId="278"/>
            <ac:picMk id="11" creationId="{D0331E44-4267-3C4E-9477-C6198DE27849}"/>
          </ac:picMkLst>
        </pc:picChg>
        <pc:picChg chg="add mod">
          <ac:chgData name="Daly Donnacha HSLU I" userId="0f22e960-400a-43ff-baeb-4828c8f5cd3a" providerId="ADAL" clId="{03114B7B-7488-CF4F-8E44-D45AA42DF52C}" dt="2020-09-05T09:28:13.817" v="1339" actId="14100"/>
          <ac:picMkLst>
            <pc:docMk/>
            <pc:sldMk cId="1880687918" sldId="278"/>
            <ac:picMk id="12" creationId="{6BD1F2C8-EBB0-D742-922B-99B75B65238B}"/>
          </ac:picMkLst>
        </pc:picChg>
        <pc:picChg chg="add del mod">
          <ac:chgData name="Daly Donnacha HSLU I" userId="0f22e960-400a-43ff-baeb-4828c8f5cd3a" providerId="ADAL" clId="{03114B7B-7488-CF4F-8E44-D45AA42DF52C}" dt="2020-09-05T09:30:38.428" v="1348" actId="478"/>
          <ac:picMkLst>
            <pc:docMk/>
            <pc:sldMk cId="1880687918" sldId="278"/>
            <ac:picMk id="13" creationId="{190E93E8-D899-1840-901B-A75DA8AF6115}"/>
          </ac:picMkLst>
        </pc:picChg>
        <pc:picChg chg="add mod">
          <ac:chgData name="Daly Donnacha HSLU I" userId="0f22e960-400a-43ff-baeb-4828c8f5cd3a" providerId="ADAL" clId="{03114B7B-7488-CF4F-8E44-D45AA42DF52C}" dt="2020-09-05T09:30:36.427" v="1347" actId="14100"/>
          <ac:picMkLst>
            <pc:docMk/>
            <pc:sldMk cId="1880687918" sldId="278"/>
            <ac:picMk id="14" creationId="{5180AAB5-BB4C-3D49-856E-958A3D43B1E3}"/>
          </ac:picMkLst>
        </pc:picChg>
        <pc:picChg chg="add del mod">
          <ac:chgData name="Daly Donnacha HSLU I" userId="0f22e960-400a-43ff-baeb-4828c8f5cd3a" providerId="ADAL" clId="{03114B7B-7488-CF4F-8E44-D45AA42DF52C}" dt="2020-09-05T09:31:10.380" v="1355" actId="478"/>
          <ac:picMkLst>
            <pc:docMk/>
            <pc:sldMk cId="1880687918" sldId="278"/>
            <ac:picMk id="15" creationId="{2C8FC4C2-5FE0-DC47-99D5-241FC484F6D0}"/>
          </ac:picMkLst>
        </pc:picChg>
        <pc:picChg chg="add mod">
          <ac:chgData name="Daly Donnacha HSLU I" userId="0f22e960-400a-43ff-baeb-4828c8f5cd3a" providerId="ADAL" clId="{03114B7B-7488-CF4F-8E44-D45AA42DF52C}" dt="2020-09-05T09:31:22.619" v="1358" actId="14100"/>
          <ac:picMkLst>
            <pc:docMk/>
            <pc:sldMk cId="1880687918" sldId="278"/>
            <ac:picMk id="16" creationId="{88B215E0-FCFD-5040-B21C-9182A99F9415}"/>
          </ac:picMkLst>
        </pc:picChg>
        <pc:picChg chg="add mod">
          <ac:chgData name="Daly Donnacha HSLU I" userId="0f22e960-400a-43ff-baeb-4828c8f5cd3a" providerId="ADAL" clId="{03114B7B-7488-CF4F-8E44-D45AA42DF52C}" dt="2020-09-05T09:32:28.908" v="1362" actId="14100"/>
          <ac:picMkLst>
            <pc:docMk/>
            <pc:sldMk cId="1880687918" sldId="278"/>
            <ac:picMk id="17" creationId="{FA066645-2D23-B24B-A935-C8E7E157C406}"/>
          </ac:picMkLst>
        </pc:picChg>
        <pc:picChg chg="add del mod">
          <ac:chgData name="Daly Donnacha HSLU I" userId="0f22e960-400a-43ff-baeb-4828c8f5cd3a" providerId="ADAL" clId="{03114B7B-7488-CF4F-8E44-D45AA42DF52C}" dt="2020-09-05T09:33:27.237" v="1369" actId="478"/>
          <ac:picMkLst>
            <pc:docMk/>
            <pc:sldMk cId="1880687918" sldId="278"/>
            <ac:picMk id="18" creationId="{08531C4A-1FF2-A141-BC51-7383F085140A}"/>
          </ac:picMkLst>
        </pc:picChg>
        <pc:picChg chg="add mod">
          <ac:chgData name="Daly Donnacha HSLU I" userId="0f22e960-400a-43ff-baeb-4828c8f5cd3a" providerId="ADAL" clId="{03114B7B-7488-CF4F-8E44-D45AA42DF52C}" dt="2020-09-05T09:33:24.749" v="1368" actId="14100"/>
          <ac:picMkLst>
            <pc:docMk/>
            <pc:sldMk cId="1880687918" sldId="278"/>
            <ac:picMk id="19" creationId="{11863166-EFAC-D742-8A05-B6C83B373944}"/>
          </ac:picMkLst>
        </pc:picChg>
        <pc:picChg chg="add mod">
          <ac:chgData name="Daly Donnacha HSLU I" userId="0f22e960-400a-43ff-baeb-4828c8f5cd3a" providerId="ADAL" clId="{03114B7B-7488-CF4F-8E44-D45AA42DF52C}" dt="2020-09-05T09:34:06.806" v="1372" actId="14100"/>
          <ac:picMkLst>
            <pc:docMk/>
            <pc:sldMk cId="1880687918" sldId="278"/>
            <ac:picMk id="20" creationId="{F0021AF1-01CA-454D-9D85-F1D7BDF59F4A}"/>
          </ac:picMkLst>
        </pc:picChg>
        <pc:picChg chg="add mod">
          <ac:chgData name="Daly Donnacha HSLU I" userId="0f22e960-400a-43ff-baeb-4828c8f5cd3a" providerId="ADAL" clId="{03114B7B-7488-CF4F-8E44-D45AA42DF52C}" dt="2020-09-05T09:34:19.429" v="1373"/>
          <ac:picMkLst>
            <pc:docMk/>
            <pc:sldMk cId="1880687918" sldId="278"/>
            <ac:picMk id="21" creationId="{1658D519-4932-A049-9AF5-A6CD2B2F5EED}"/>
          </ac:picMkLst>
        </pc:picChg>
        <pc:picChg chg="add del">
          <ac:chgData name="Daly Donnacha HSLU I" userId="0f22e960-400a-43ff-baeb-4828c8f5cd3a" providerId="ADAL" clId="{03114B7B-7488-CF4F-8E44-D45AA42DF52C}" dt="2020-09-05T09:35:05.415" v="1377" actId="478"/>
          <ac:picMkLst>
            <pc:docMk/>
            <pc:sldMk cId="1880687918" sldId="278"/>
            <ac:picMk id="22" creationId="{E5D3911B-1F78-5940-B994-6FFC33F26D94}"/>
          </ac:picMkLst>
        </pc:picChg>
        <pc:picChg chg="add mod">
          <ac:chgData name="Daly Donnacha HSLU I" userId="0f22e960-400a-43ff-baeb-4828c8f5cd3a" providerId="ADAL" clId="{03114B7B-7488-CF4F-8E44-D45AA42DF52C}" dt="2020-09-05T09:35:02.389" v="1376" actId="14100"/>
          <ac:picMkLst>
            <pc:docMk/>
            <pc:sldMk cId="1880687918" sldId="278"/>
            <ac:picMk id="23" creationId="{BB9C006B-7AC4-CE42-9E96-352C1E538746}"/>
          </ac:picMkLst>
        </pc:picChg>
      </pc:sldChg>
      <pc:sldChg chg="del">
        <pc:chgData name="Daly Donnacha HSLU I" userId="0f22e960-400a-43ff-baeb-4828c8f5cd3a" providerId="ADAL" clId="{03114B7B-7488-CF4F-8E44-D45AA42DF52C}" dt="2020-09-05T09:07:32.936" v="904" actId="2696"/>
        <pc:sldMkLst>
          <pc:docMk/>
          <pc:sldMk cId="2729887525" sldId="278"/>
        </pc:sldMkLst>
      </pc:sldChg>
      <pc:sldChg chg="del">
        <pc:chgData name="Daly Donnacha HSLU I" userId="0f22e960-400a-43ff-baeb-4828c8f5cd3a" providerId="ADAL" clId="{03114B7B-7488-CF4F-8E44-D45AA42DF52C}" dt="2020-09-05T09:07:34.281" v="905" actId="2696"/>
        <pc:sldMkLst>
          <pc:docMk/>
          <pc:sldMk cId="662416125" sldId="279"/>
        </pc:sldMkLst>
      </pc:sldChg>
      <pc:sldChg chg="addSp delSp modSp add mod ord">
        <pc:chgData name="Daly Donnacha HSLU I" userId="0f22e960-400a-43ff-baeb-4828c8f5cd3a" providerId="ADAL" clId="{03114B7B-7488-CF4F-8E44-D45AA42DF52C}" dt="2020-09-05T10:13:13.082" v="2863" actId="20578"/>
        <pc:sldMkLst>
          <pc:docMk/>
          <pc:sldMk cId="1624036436" sldId="279"/>
        </pc:sldMkLst>
        <pc:spChg chg="mod">
          <ac:chgData name="Daly Donnacha HSLU I" userId="0f22e960-400a-43ff-baeb-4828c8f5cd3a" providerId="ADAL" clId="{03114B7B-7488-CF4F-8E44-D45AA42DF52C}" dt="2020-09-05T09:47:47.538" v="1450" actId="20577"/>
          <ac:spMkLst>
            <pc:docMk/>
            <pc:sldMk cId="1624036436" sldId="279"/>
            <ac:spMk id="2" creationId="{5393458C-E56A-D946-A095-089FF6063038}"/>
          </ac:spMkLst>
        </pc:spChg>
        <pc:spChg chg="add mod">
          <ac:chgData name="Daly Donnacha HSLU I" userId="0f22e960-400a-43ff-baeb-4828c8f5cd3a" providerId="ADAL" clId="{03114B7B-7488-CF4F-8E44-D45AA42DF52C}" dt="2020-09-05T10:12:39.125" v="2860" actId="113"/>
          <ac:spMkLst>
            <pc:docMk/>
            <pc:sldMk cId="1624036436" sldId="279"/>
            <ac:spMk id="13" creationId="{0BDB790F-367A-A548-A5F3-D416CA4926C9}"/>
          </ac:spMkLst>
        </pc:spChg>
        <pc:picChg chg="add del">
          <ac:chgData name="Daly Donnacha HSLU I" userId="0f22e960-400a-43ff-baeb-4828c8f5cd3a" providerId="ADAL" clId="{03114B7B-7488-CF4F-8E44-D45AA42DF52C}" dt="2020-09-05T09:47:36.321" v="1430" actId="478"/>
          <ac:picMkLst>
            <pc:docMk/>
            <pc:sldMk cId="1624036436" sldId="279"/>
            <ac:picMk id="3" creationId="{16E0C087-3F6C-B341-9217-6B97FC524BA3}"/>
          </ac:picMkLst>
        </pc:picChg>
        <pc:picChg chg="add mod">
          <ac:chgData name="Daly Donnacha HSLU I" userId="0f22e960-400a-43ff-baeb-4828c8f5cd3a" providerId="ADAL" clId="{03114B7B-7488-CF4F-8E44-D45AA42DF52C}" dt="2020-09-05T10:12:48.082" v="2862" actId="14100"/>
          <ac:picMkLst>
            <pc:docMk/>
            <pc:sldMk cId="1624036436" sldId="279"/>
            <ac:picMk id="4" creationId="{C43D6440-30AC-7544-8EC6-AF3D65FDACEE}"/>
          </ac:picMkLst>
        </pc:picChg>
        <pc:picChg chg="del">
          <ac:chgData name="Daly Donnacha HSLU I" userId="0f22e960-400a-43ff-baeb-4828c8f5cd3a" providerId="ADAL" clId="{03114B7B-7488-CF4F-8E44-D45AA42DF52C}" dt="2020-09-05T09:47:39.946" v="1431" actId="478"/>
          <ac:picMkLst>
            <pc:docMk/>
            <pc:sldMk cId="1624036436" sldId="279"/>
            <ac:picMk id="12" creationId="{6BD1F2C8-EBB0-D742-922B-99B75B65238B}"/>
          </ac:picMkLst>
        </pc:picChg>
        <pc:picChg chg="del">
          <ac:chgData name="Daly Donnacha HSLU I" userId="0f22e960-400a-43ff-baeb-4828c8f5cd3a" providerId="ADAL" clId="{03114B7B-7488-CF4F-8E44-D45AA42DF52C}" dt="2020-09-05T09:47:39.946" v="1431" actId="478"/>
          <ac:picMkLst>
            <pc:docMk/>
            <pc:sldMk cId="1624036436" sldId="279"/>
            <ac:picMk id="14" creationId="{5180AAB5-BB4C-3D49-856E-958A3D43B1E3}"/>
          </ac:picMkLst>
        </pc:picChg>
        <pc:picChg chg="del">
          <ac:chgData name="Daly Donnacha HSLU I" userId="0f22e960-400a-43ff-baeb-4828c8f5cd3a" providerId="ADAL" clId="{03114B7B-7488-CF4F-8E44-D45AA42DF52C}" dt="2020-09-05T09:47:39.946" v="1431" actId="478"/>
          <ac:picMkLst>
            <pc:docMk/>
            <pc:sldMk cId="1624036436" sldId="279"/>
            <ac:picMk id="16" creationId="{88B215E0-FCFD-5040-B21C-9182A99F9415}"/>
          </ac:picMkLst>
        </pc:picChg>
        <pc:picChg chg="del">
          <ac:chgData name="Daly Donnacha HSLU I" userId="0f22e960-400a-43ff-baeb-4828c8f5cd3a" providerId="ADAL" clId="{03114B7B-7488-CF4F-8E44-D45AA42DF52C}" dt="2020-09-05T09:47:39.946" v="1431" actId="478"/>
          <ac:picMkLst>
            <pc:docMk/>
            <pc:sldMk cId="1624036436" sldId="279"/>
            <ac:picMk id="17" creationId="{FA066645-2D23-B24B-A935-C8E7E157C406}"/>
          </ac:picMkLst>
        </pc:picChg>
        <pc:picChg chg="del">
          <ac:chgData name="Daly Donnacha HSLU I" userId="0f22e960-400a-43ff-baeb-4828c8f5cd3a" providerId="ADAL" clId="{03114B7B-7488-CF4F-8E44-D45AA42DF52C}" dt="2020-09-05T09:47:39.946" v="1431" actId="478"/>
          <ac:picMkLst>
            <pc:docMk/>
            <pc:sldMk cId="1624036436" sldId="279"/>
            <ac:picMk id="19" creationId="{11863166-EFAC-D742-8A05-B6C83B373944}"/>
          </ac:picMkLst>
        </pc:picChg>
        <pc:picChg chg="del">
          <ac:chgData name="Daly Donnacha HSLU I" userId="0f22e960-400a-43ff-baeb-4828c8f5cd3a" providerId="ADAL" clId="{03114B7B-7488-CF4F-8E44-D45AA42DF52C}" dt="2020-09-05T09:47:39.946" v="1431" actId="478"/>
          <ac:picMkLst>
            <pc:docMk/>
            <pc:sldMk cId="1624036436" sldId="279"/>
            <ac:picMk id="20" creationId="{F0021AF1-01CA-454D-9D85-F1D7BDF59F4A}"/>
          </ac:picMkLst>
        </pc:picChg>
        <pc:picChg chg="del">
          <ac:chgData name="Daly Donnacha HSLU I" userId="0f22e960-400a-43ff-baeb-4828c8f5cd3a" providerId="ADAL" clId="{03114B7B-7488-CF4F-8E44-D45AA42DF52C}" dt="2020-09-05T09:47:39.946" v="1431" actId="478"/>
          <ac:picMkLst>
            <pc:docMk/>
            <pc:sldMk cId="1624036436" sldId="279"/>
            <ac:picMk id="21" creationId="{1658D519-4932-A049-9AF5-A6CD2B2F5EED}"/>
          </ac:picMkLst>
        </pc:picChg>
        <pc:picChg chg="del">
          <ac:chgData name="Daly Donnacha HSLU I" userId="0f22e960-400a-43ff-baeb-4828c8f5cd3a" providerId="ADAL" clId="{03114B7B-7488-CF4F-8E44-D45AA42DF52C}" dt="2020-09-05T09:47:39.946" v="1431" actId="478"/>
          <ac:picMkLst>
            <pc:docMk/>
            <pc:sldMk cId="1624036436" sldId="279"/>
            <ac:picMk id="23" creationId="{BB9C006B-7AC4-CE42-9E96-352C1E538746}"/>
          </ac:picMkLst>
        </pc:picChg>
      </pc:sldChg>
      <pc:sldChg chg="addSp modSp add mod">
        <pc:chgData name="Daly Donnacha HSLU I" userId="0f22e960-400a-43ff-baeb-4828c8f5cd3a" providerId="ADAL" clId="{03114B7B-7488-CF4F-8E44-D45AA42DF52C}" dt="2020-09-05T11:54:04.930" v="4431" actId="20577"/>
        <pc:sldMkLst>
          <pc:docMk/>
          <pc:sldMk cId="775423697" sldId="280"/>
        </pc:sldMkLst>
        <pc:spChg chg="mod">
          <ac:chgData name="Daly Donnacha HSLU I" userId="0f22e960-400a-43ff-baeb-4828c8f5cd3a" providerId="ADAL" clId="{03114B7B-7488-CF4F-8E44-D45AA42DF52C}" dt="2020-09-05T09:48:51.443" v="1527" actId="20577"/>
          <ac:spMkLst>
            <pc:docMk/>
            <pc:sldMk cId="775423697" sldId="280"/>
            <ac:spMk id="2" creationId="{5393458C-E56A-D946-A095-089FF6063038}"/>
          </ac:spMkLst>
        </pc:spChg>
        <pc:spChg chg="add mod">
          <ac:chgData name="Daly Donnacha HSLU I" userId="0f22e960-400a-43ff-baeb-4828c8f5cd3a" providerId="ADAL" clId="{03114B7B-7488-CF4F-8E44-D45AA42DF52C}" dt="2020-09-05T11:54:04.930" v="4431" actId="20577"/>
          <ac:spMkLst>
            <pc:docMk/>
            <pc:sldMk cId="775423697" sldId="280"/>
            <ac:spMk id="3" creationId="{8975C7DA-7A57-FE4F-A087-C67BD2187705}"/>
          </ac:spMkLst>
        </pc:spChg>
        <pc:spChg chg="add mod">
          <ac:chgData name="Daly Donnacha HSLU I" userId="0f22e960-400a-43ff-baeb-4828c8f5cd3a" providerId="ADAL" clId="{03114B7B-7488-CF4F-8E44-D45AA42DF52C}" dt="2020-09-05T11:53:21.608" v="4406" actId="20577"/>
          <ac:spMkLst>
            <pc:docMk/>
            <pc:sldMk cId="775423697" sldId="280"/>
            <ac:spMk id="5" creationId="{2422C05F-EEB8-5147-8DE7-6684DD1CAA17}"/>
          </ac:spMkLst>
        </pc:spChg>
        <pc:picChg chg="add mod">
          <ac:chgData name="Daly Donnacha HSLU I" userId="0f22e960-400a-43ff-baeb-4828c8f5cd3a" providerId="ADAL" clId="{03114B7B-7488-CF4F-8E44-D45AA42DF52C}" dt="2020-09-05T11:48:30.753" v="4302" actId="1036"/>
          <ac:picMkLst>
            <pc:docMk/>
            <pc:sldMk cId="775423697" sldId="280"/>
            <ac:picMk id="3074" creationId="{84B46BF5-1FBD-6644-AEBB-0700A9957A72}"/>
          </ac:picMkLst>
        </pc:picChg>
      </pc:sldChg>
      <pc:sldChg chg="addSp modSp add mod ord">
        <pc:chgData name="Daly Donnacha HSLU I" userId="0f22e960-400a-43ff-baeb-4828c8f5cd3a" providerId="ADAL" clId="{03114B7B-7488-CF4F-8E44-D45AA42DF52C}" dt="2020-09-05T11:41:53.850" v="3935" actId="20577"/>
        <pc:sldMkLst>
          <pc:docMk/>
          <pc:sldMk cId="3738601397" sldId="281"/>
        </pc:sldMkLst>
        <pc:spChg chg="mod">
          <ac:chgData name="Daly Donnacha HSLU I" userId="0f22e960-400a-43ff-baeb-4828c8f5cd3a" providerId="ADAL" clId="{03114B7B-7488-CF4F-8E44-D45AA42DF52C}" dt="2020-09-05T09:51:17.453" v="1619" actId="20577"/>
          <ac:spMkLst>
            <pc:docMk/>
            <pc:sldMk cId="3738601397" sldId="281"/>
            <ac:spMk id="2" creationId="{5393458C-E56A-D946-A095-089FF6063038}"/>
          </ac:spMkLst>
        </pc:spChg>
        <pc:spChg chg="add mod">
          <ac:chgData name="Daly Donnacha HSLU I" userId="0f22e960-400a-43ff-baeb-4828c8f5cd3a" providerId="ADAL" clId="{03114B7B-7488-CF4F-8E44-D45AA42DF52C}" dt="2020-09-05T11:41:53.850" v="3935" actId="20577"/>
          <ac:spMkLst>
            <pc:docMk/>
            <pc:sldMk cId="3738601397" sldId="281"/>
            <ac:spMk id="3" creationId="{97A55E5B-ED80-1D4B-A89C-D07608D950DB}"/>
          </ac:spMkLst>
        </pc:spChg>
        <pc:spChg chg="add mod">
          <ac:chgData name="Daly Donnacha HSLU I" userId="0f22e960-400a-43ff-baeb-4828c8f5cd3a" providerId="ADAL" clId="{03114B7B-7488-CF4F-8E44-D45AA42DF52C}" dt="2020-09-05T11:22:35.208" v="3746" actId="20577"/>
          <ac:spMkLst>
            <pc:docMk/>
            <pc:sldMk cId="3738601397" sldId="281"/>
            <ac:spMk id="4" creationId="{CD2D3698-5CDD-B440-82F1-A6922FCB79BF}"/>
          </ac:spMkLst>
        </pc:spChg>
        <pc:spChg chg="add mod">
          <ac:chgData name="Daly Donnacha HSLU I" userId="0f22e960-400a-43ff-baeb-4828c8f5cd3a" providerId="ADAL" clId="{03114B7B-7488-CF4F-8E44-D45AA42DF52C}" dt="2020-09-05T11:36:07.952" v="3930" actId="14100"/>
          <ac:spMkLst>
            <pc:docMk/>
            <pc:sldMk cId="3738601397" sldId="281"/>
            <ac:spMk id="5" creationId="{5044608C-38DF-7B40-B5BF-B133A7E2BBC9}"/>
          </ac:spMkLst>
        </pc:spChg>
      </pc:sldChg>
      <pc:sldChg chg="addSp modSp add mod">
        <pc:chgData name="Daly Donnacha HSLU I" userId="0f22e960-400a-43ff-baeb-4828c8f5cd3a" providerId="ADAL" clId="{03114B7B-7488-CF4F-8E44-D45AA42DF52C}" dt="2020-09-07T04:26:43.041" v="4439" actId="20577"/>
        <pc:sldMkLst>
          <pc:docMk/>
          <pc:sldMk cId="3212697389" sldId="282"/>
        </pc:sldMkLst>
        <pc:spChg chg="mod">
          <ac:chgData name="Daly Donnacha HSLU I" userId="0f22e960-400a-43ff-baeb-4828c8f5cd3a" providerId="ADAL" clId="{03114B7B-7488-CF4F-8E44-D45AA42DF52C}" dt="2020-09-05T09:48:30.384" v="1501" actId="20577"/>
          <ac:spMkLst>
            <pc:docMk/>
            <pc:sldMk cId="3212697389" sldId="282"/>
            <ac:spMk id="2" creationId="{5393458C-E56A-D946-A095-089FF6063038}"/>
          </ac:spMkLst>
        </pc:spChg>
        <pc:spChg chg="add mod">
          <ac:chgData name="Daly Donnacha HSLU I" userId="0f22e960-400a-43ff-baeb-4828c8f5cd3a" providerId="ADAL" clId="{03114B7B-7488-CF4F-8E44-D45AA42DF52C}" dt="2020-09-05T10:10:54.306" v="2821" actId="113"/>
          <ac:spMkLst>
            <pc:docMk/>
            <pc:sldMk cId="3212697389" sldId="282"/>
            <ac:spMk id="3" creationId="{BC7FEFD5-6287-4047-90D7-AEDCBA04ACBB}"/>
          </ac:spMkLst>
        </pc:spChg>
        <pc:spChg chg="add mod">
          <ac:chgData name="Daly Donnacha HSLU I" userId="0f22e960-400a-43ff-baeb-4828c8f5cd3a" providerId="ADAL" clId="{03114B7B-7488-CF4F-8E44-D45AA42DF52C}" dt="2020-09-05T10:11:56.461" v="2858" actId="113"/>
          <ac:spMkLst>
            <pc:docMk/>
            <pc:sldMk cId="3212697389" sldId="282"/>
            <ac:spMk id="5" creationId="{850FA14A-8F1F-8C4B-882F-A0924367F9FB}"/>
          </ac:spMkLst>
        </pc:spChg>
        <pc:spChg chg="add mod">
          <ac:chgData name="Daly Donnacha HSLU I" userId="0f22e960-400a-43ff-baeb-4828c8f5cd3a" providerId="ADAL" clId="{03114B7B-7488-CF4F-8E44-D45AA42DF52C}" dt="2020-09-07T04:26:43.041" v="4439" actId="20577"/>
          <ac:spMkLst>
            <pc:docMk/>
            <pc:sldMk cId="3212697389" sldId="282"/>
            <ac:spMk id="6" creationId="{CAB004EC-FFE2-1E49-BAF0-C8111BE9D342}"/>
          </ac:spMkLst>
        </pc:spChg>
        <pc:picChg chg="add mod">
          <ac:chgData name="Daly Donnacha HSLU I" userId="0f22e960-400a-43ff-baeb-4828c8f5cd3a" providerId="ADAL" clId="{03114B7B-7488-CF4F-8E44-D45AA42DF52C}" dt="2020-09-05T10:10:05.583" v="2774" actId="14100"/>
          <ac:picMkLst>
            <pc:docMk/>
            <pc:sldMk cId="3212697389" sldId="282"/>
            <ac:picMk id="4" creationId="{2CF3F43A-57A8-084F-ACFB-56CA5F7DEB82}"/>
          </ac:picMkLst>
        </pc:picChg>
      </pc:sldChg>
      <pc:sldChg chg="modSp add del mod">
        <pc:chgData name="Daly Donnacha HSLU I" userId="0f22e960-400a-43ff-baeb-4828c8f5cd3a" providerId="ADAL" clId="{03114B7B-7488-CF4F-8E44-D45AA42DF52C}" dt="2020-09-05T10:56:24.729" v="3132" actId="2696"/>
        <pc:sldMkLst>
          <pc:docMk/>
          <pc:sldMk cId="3785350010" sldId="283"/>
        </pc:sldMkLst>
        <pc:spChg chg="mod">
          <ac:chgData name="Daly Donnacha HSLU I" userId="0f22e960-400a-43ff-baeb-4828c8f5cd3a" providerId="ADAL" clId="{03114B7B-7488-CF4F-8E44-D45AA42DF52C}" dt="2020-09-05T09:49:27.548" v="1593" actId="20577"/>
          <ac:spMkLst>
            <pc:docMk/>
            <pc:sldMk cId="3785350010" sldId="283"/>
            <ac:spMk id="2" creationId="{5393458C-E56A-D946-A095-089FF6063038}"/>
          </ac:spMkLst>
        </pc:spChg>
      </pc:sldChg>
      <pc:sldMasterChg chg="modSldLayout">
        <pc:chgData name="Daly Donnacha HSLU I" userId="0f22e960-400a-43ff-baeb-4828c8f5cd3a" providerId="ADAL" clId="{03114B7B-7488-CF4F-8E44-D45AA42DF52C}" dt="2020-09-05T08:48:55.059" v="155" actId="478"/>
        <pc:sldMasterMkLst>
          <pc:docMk/>
          <pc:sldMasterMk cId="0" sldId="2147483648"/>
        </pc:sldMasterMkLst>
        <pc:sldLayoutChg chg="addSp delSp modSp mod">
          <pc:chgData name="Daly Donnacha HSLU I" userId="0f22e960-400a-43ff-baeb-4828c8f5cd3a" providerId="ADAL" clId="{03114B7B-7488-CF4F-8E44-D45AA42DF52C}" dt="2020-09-05T08:48:55.059" v="155" actId="478"/>
          <pc:sldLayoutMkLst>
            <pc:docMk/>
            <pc:sldMasterMk cId="0" sldId="2147483648"/>
            <pc:sldLayoutMk cId="3920175854" sldId="2147483731"/>
          </pc:sldLayoutMkLst>
          <pc:spChg chg="add del mod">
            <ac:chgData name="Daly Donnacha HSLU I" userId="0f22e960-400a-43ff-baeb-4828c8f5cd3a" providerId="ADAL" clId="{03114B7B-7488-CF4F-8E44-D45AA42DF52C}" dt="2020-09-05T08:48:30.438" v="153" actId="478"/>
            <ac:spMkLst>
              <pc:docMk/>
              <pc:sldMasterMk cId="0" sldId="2147483648"/>
              <pc:sldLayoutMk cId="3920175854" sldId="2147483731"/>
              <ac:spMk id="11" creationId="{BD494C15-E75E-7F45-B31C-7A6FF3C67F88}"/>
            </ac:spMkLst>
          </pc:spChg>
          <pc:spChg chg="add mod">
            <ac:chgData name="Daly Donnacha HSLU I" userId="0f22e960-400a-43ff-baeb-4828c8f5cd3a" providerId="ADAL" clId="{03114B7B-7488-CF4F-8E44-D45AA42DF52C}" dt="2020-09-05T08:48:51.141" v="154" actId="571"/>
            <ac:spMkLst>
              <pc:docMk/>
              <pc:sldMasterMk cId="0" sldId="2147483648"/>
              <pc:sldLayoutMk cId="3920175854" sldId="2147483731"/>
              <ac:spMk id="12" creationId="{B1631DD4-D0BA-A144-BAC6-763423D7D698}"/>
            </ac:spMkLst>
          </pc:spChg>
          <pc:spChg chg="del mod">
            <ac:chgData name="Daly Donnacha HSLU I" userId="0f22e960-400a-43ff-baeb-4828c8f5cd3a" providerId="ADAL" clId="{03114B7B-7488-CF4F-8E44-D45AA42DF52C}" dt="2020-09-05T08:48:55.059" v="155" actId="478"/>
            <ac:spMkLst>
              <pc:docMk/>
              <pc:sldMasterMk cId="0" sldId="2147483648"/>
              <pc:sldLayoutMk cId="3920175854" sldId="2147483731"/>
              <ac:spMk id="16" creationId="{00000000-0000-0000-0000-000000000000}"/>
            </ac:spMkLst>
          </pc:spChg>
        </pc:sldLayoutChg>
      </pc:sldMasterChg>
    </pc:docChg>
  </pc:docChgLst>
  <pc:docChgLst>
    <pc:chgData name="Daly Donnacha HSLU I" userId="0f22e960-400a-43ff-baeb-4828c8f5cd3a" providerId="ADAL" clId="{56B8305E-EFE3-4AE4-9B4C-5B628486D9D8}"/>
    <pc:docChg chg="custSel addSld delSld modSld sldOrd">
      <pc:chgData name="Daly Donnacha HSLU I" userId="0f22e960-400a-43ff-baeb-4828c8f5cd3a" providerId="ADAL" clId="{56B8305E-EFE3-4AE4-9B4C-5B628486D9D8}" dt="2023-09-28T08:12:21.148" v="144" actId="20577"/>
      <pc:docMkLst>
        <pc:docMk/>
      </pc:docMkLst>
      <pc:sldChg chg="modSp add del mod">
        <pc:chgData name="Daly Donnacha HSLU I" userId="0f22e960-400a-43ff-baeb-4828c8f5cd3a" providerId="ADAL" clId="{56B8305E-EFE3-4AE4-9B4C-5B628486D9D8}" dt="2023-09-28T08:00:25.175" v="82" actId="6549"/>
        <pc:sldMkLst>
          <pc:docMk/>
          <pc:sldMk cId="876315006" sldId="274"/>
        </pc:sldMkLst>
        <pc:spChg chg="mod">
          <ac:chgData name="Daly Donnacha HSLU I" userId="0f22e960-400a-43ff-baeb-4828c8f5cd3a" providerId="ADAL" clId="{56B8305E-EFE3-4AE4-9B4C-5B628486D9D8}" dt="2023-09-28T08:00:25.175" v="82" actId="6549"/>
          <ac:spMkLst>
            <pc:docMk/>
            <pc:sldMk cId="876315006" sldId="274"/>
            <ac:spMk id="4" creationId="{4F3AD9BD-0CE5-B9AC-8BEC-6983A0AC08E0}"/>
          </ac:spMkLst>
        </pc:spChg>
      </pc:sldChg>
      <pc:sldChg chg="del">
        <pc:chgData name="Daly Donnacha HSLU I" userId="0f22e960-400a-43ff-baeb-4828c8f5cd3a" providerId="ADAL" clId="{56B8305E-EFE3-4AE4-9B4C-5B628486D9D8}" dt="2023-09-28T08:00:05.325" v="81" actId="47"/>
        <pc:sldMkLst>
          <pc:docMk/>
          <pc:sldMk cId="3575311007" sldId="292"/>
        </pc:sldMkLst>
      </pc:sldChg>
      <pc:sldChg chg="del">
        <pc:chgData name="Daly Donnacha HSLU I" userId="0f22e960-400a-43ff-baeb-4828c8f5cd3a" providerId="ADAL" clId="{56B8305E-EFE3-4AE4-9B4C-5B628486D9D8}" dt="2023-09-28T07:54:43.289" v="7" actId="47"/>
        <pc:sldMkLst>
          <pc:docMk/>
          <pc:sldMk cId="2190376846" sldId="297"/>
        </pc:sldMkLst>
      </pc:sldChg>
      <pc:sldChg chg="del">
        <pc:chgData name="Daly Donnacha HSLU I" userId="0f22e960-400a-43ff-baeb-4828c8f5cd3a" providerId="ADAL" clId="{56B8305E-EFE3-4AE4-9B4C-5B628486D9D8}" dt="2023-09-28T07:58:50.410" v="39" actId="47"/>
        <pc:sldMkLst>
          <pc:docMk/>
          <pc:sldMk cId="1191410536" sldId="298"/>
        </pc:sldMkLst>
      </pc:sldChg>
      <pc:sldChg chg="del">
        <pc:chgData name="Daly Donnacha HSLU I" userId="0f22e960-400a-43ff-baeb-4828c8f5cd3a" providerId="ADAL" clId="{56B8305E-EFE3-4AE4-9B4C-5B628486D9D8}" dt="2023-09-28T07:53:38.455" v="0" actId="47"/>
        <pc:sldMkLst>
          <pc:docMk/>
          <pc:sldMk cId="3496375890" sldId="299"/>
        </pc:sldMkLst>
      </pc:sldChg>
      <pc:sldChg chg="del">
        <pc:chgData name="Daly Donnacha HSLU I" userId="0f22e960-400a-43ff-baeb-4828c8f5cd3a" providerId="ADAL" clId="{56B8305E-EFE3-4AE4-9B4C-5B628486D9D8}" dt="2023-09-28T07:59:42.632" v="75" actId="47"/>
        <pc:sldMkLst>
          <pc:docMk/>
          <pc:sldMk cId="3661452517" sldId="314"/>
        </pc:sldMkLst>
      </pc:sldChg>
      <pc:sldChg chg="del">
        <pc:chgData name="Daly Donnacha HSLU I" userId="0f22e960-400a-43ff-baeb-4828c8f5cd3a" providerId="ADAL" clId="{56B8305E-EFE3-4AE4-9B4C-5B628486D9D8}" dt="2023-09-28T07:53:38.455" v="0" actId="47"/>
        <pc:sldMkLst>
          <pc:docMk/>
          <pc:sldMk cId="1925514653" sldId="323"/>
        </pc:sldMkLst>
      </pc:sldChg>
      <pc:sldChg chg="del">
        <pc:chgData name="Daly Donnacha HSLU I" userId="0f22e960-400a-43ff-baeb-4828c8f5cd3a" providerId="ADAL" clId="{56B8305E-EFE3-4AE4-9B4C-5B628486D9D8}" dt="2023-09-28T07:53:38.455" v="0" actId="47"/>
        <pc:sldMkLst>
          <pc:docMk/>
          <pc:sldMk cId="1580837150" sldId="324"/>
        </pc:sldMkLst>
      </pc:sldChg>
      <pc:sldChg chg="del">
        <pc:chgData name="Daly Donnacha HSLU I" userId="0f22e960-400a-43ff-baeb-4828c8f5cd3a" providerId="ADAL" clId="{56B8305E-EFE3-4AE4-9B4C-5B628486D9D8}" dt="2023-09-28T07:53:38.455" v="0" actId="47"/>
        <pc:sldMkLst>
          <pc:docMk/>
          <pc:sldMk cId="1290782229" sldId="325"/>
        </pc:sldMkLst>
      </pc:sldChg>
      <pc:sldChg chg="del">
        <pc:chgData name="Daly Donnacha HSLU I" userId="0f22e960-400a-43ff-baeb-4828c8f5cd3a" providerId="ADAL" clId="{56B8305E-EFE3-4AE4-9B4C-5B628486D9D8}" dt="2023-09-28T07:53:38.455" v="0" actId="47"/>
        <pc:sldMkLst>
          <pc:docMk/>
          <pc:sldMk cId="337345314" sldId="326"/>
        </pc:sldMkLst>
      </pc:sldChg>
      <pc:sldChg chg="del">
        <pc:chgData name="Daly Donnacha HSLU I" userId="0f22e960-400a-43ff-baeb-4828c8f5cd3a" providerId="ADAL" clId="{56B8305E-EFE3-4AE4-9B4C-5B628486D9D8}" dt="2023-09-28T07:53:38.455" v="0" actId="47"/>
        <pc:sldMkLst>
          <pc:docMk/>
          <pc:sldMk cId="1994257517" sldId="327"/>
        </pc:sldMkLst>
      </pc:sldChg>
      <pc:sldChg chg="modSp add mod">
        <pc:chgData name="Daly Donnacha HSLU I" userId="0f22e960-400a-43ff-baeb-4828c8f5cd3a" providerId="ADAL" clId="{56B8305E-EFE3-4AE4-9B4C-5B628486D9D8}" dt="2023-09-28T08:00:45.794" v="83" actId="207"/>
        <pc:sldMkLst>
          <pc:docMk/>
          <pc:sldMk cId="2084191560" sldId="370"/>
        </pc:sldMkLst>
        <pc:spChg chg="mod">
          <ac:chgData name="Daly Donnacha HSLU I" userId="0f22e960-400a-43ff-baeb-4828c8f5cd3a" providerId="ADAL" clId="{56B8305E-EFE3-4AE4-9B4C-5B628486D9D8}" dt="2023-09-28T08:00:45.794" v="83" actId="207"/>
          <ac:spMkLst>
            <pc:docMk/>
            <pc:sldMk cId="2084191560" sldId="370"/>
            <ac:spMk id="3" creationId="{5C510FD6-55E2-4912-B1BA-2B65826DEA3B}"/>
          </ac:spMkLst>
        </pc:spChg>
      </pc:sldChg>
      <pc:sldChg chg="add del ord">
        <pc:chgData name="Daly Donnacha HSLU I" userId="0f22e960-400a-43ff-baeb-4828c8f5cd3a" providerId="ADAL" clId="{56B8305E-EFE3-4AE4-9B4C-5B628486D9D8}" dt="2023-09-28T07:55:13.694" v="9"/>
        <pc:sldMkLst>
          <pc:docMk/>
          <pc:sldMk cId="2400383273" sldId="379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1794335457" sldId="380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2460118987" sldId="381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2854244240" sldId="382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4185173109" sldId="383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1284321860" sldId="384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3228682419" sldId="385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3330003385" sldId="386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858995044" sldId="387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53416653" sldId="390"/>
        </pc:sldMkLst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3352149696" sldId="391"/>
        </pc:sldMkLst>
      </pc:sldChg>
      <pc:sldChg chg="addSp modSp add del">
        <pc:chgData name="Daly Donnacha HSLU I" userId="0f22e960-400a-43ff-baeb-4828c8f5cd3a" providerId="ADAL" clId="{56B8305E-EFE3-4AE4-9B4C-5B628486D9D8}" dt="2023-09-28T08:03:42.180" v="94" actId="1076"/>
        <pc:sldMkLst>
          <pc:docMk/>
          <pc:sldMk cId="645771853" sldId="392"/>
        </pc:sldMkLst>
        <pc:picChg chg="add mod">
          <ac:chgData name="Daly Donnacha HSLU I" userId="0f22e960-400a-43ff-baeb-4828c8f5cd3a" providerId="ADAL" clId="{56B8305E-EFE3-4AE4-9B4C-5B628486D9D8}" dt="2023-09-28T08:03:42.180" v="94" actId="1076"/>
          <ac:picMkLst>
            <pc:docMk/>
            <pc:sldMk cId="645771853" sldId="392"/>
            <ac:picMk id="8" creationId="{EA0099A2-298E-497D-8769-18EAD222AAFE}"/>
          </ac:picMkLst>
        </pc:picChg>
      </pc:sldChg>
      <pc:sldChg chg="add del">
        <pc:chgData name="Daly Donnacha HSLU I" userId="0f22e960-400a-43ff-baeb-4828c8f5cd3a" providerId="ADAL" clId="{56B8305E-EFE3-4AE4-9B4C-5B628486D9D8}" dt="2023-09-28T07:54:01.048" v="5"/>
        <pc:sldMkLst>
          <pc:docMk/>
          <pc:sldMk cId="1192306248" sldId="393"/>
        </pc:sldMkLst>
      </pc:sldChg>
      <pc:sldChg chg="add">
        <pc:chgData name="Daly Donnacha HSLU I" userId="0f22e960-400a-43ff-baeb-4828c8f5cd3a" providerId="ADAL" clId="{56B8305E-EFE3-4AE4-9B4C-5B628486D9D8}" dt="2023-09-28T07:57:12.945" v="10"/>
        <pc:sldMkLst>
          <pc:docMk/>
          <pc:sldMk cId="2756553810" sldId="699"/>
        </pc:sldMkLst>
      </pc:sldChg>
      <pc:sldChg chg="addSp modSp new mod">
        <pc:chgData name="Daly Donnacha HSLU I" userId="0f22e960-400a-43ff-baeb-4828c8f5cd3a" providerId="ADAL" clId="{56B8305E-EFE3-4AE4-9B4C-5B628486D9D8}" dt="2023-09-28T07:58:42.938" v="38" actId="20577"/>
        <pc:sldMkLst>
          <pc:docMk/>
          <pc:sldMk cId="1262394428" sldId="700"/>
        </pc:sldMkLst>
        <pc:spChg chg="mod">
          <ac:chgData name="Daly Donnacha HSLU I" userId="0f22e960-400a-43ff-baeb-4828c8f5cd3a" providerId="ADAL" clId="{56B8305E-EFE3-4AE4-9B4C-5B628486D9D8}" dt="2023-09-28T07:58:42.938" v="38" actId="20577"/>
          <ac:spMkLst>
            <pc:docMk/>
            <pc:sldMk cId="1262394428" sldId="700"/>
            <ac:spMk id="2" creationId="{C9D20683-EE63-4270-B9EF-B1093FA6684C}"/>
          </ac:spMkLst>
        </pc:spChg>
        <pc:spChg chg="add mod">
          <ac:chgData name="Daly Donnacha HSLU I" userId="0f22e960-400a-43ff-baeb-4828c8f5cd3a" providerId="ADAL" clId="{56B8305E-EFE3-4AE4-9B4C-5B628486D9D8}" dt="2023-09-28T07:58:26.192" v="12"/>
          <ac:spMkLst>
            <pc:docMk/>
            <pc:sldMk cId="1262394428" sldId="700"/>
            <ac:spMk id="5" creationId="{37B6553A-9934-D945-48B4-FF6DEF293184}"/>
          </ac:spMkLst>
        </pc:spChg>
        <pc:spChg chg="add mod">
          <ac:chgData name="Daly Donnacha HSLU I" userId="0f22e960-400a-43ff-baeb-4828c8f5cd3a" providerId="ADAL" clId="{56B8305E-EFE3-4AE4-9B4C-5B628486D9D8}" dt="2023-09-28T07:58:33.954" v="13" actId="1076"/>
          <ac:spMkLst>
            <pc:docMk/>
            <pc:sldMk cId="1262394428" sldId="700"/>
            <ac:spMk id="7" creationId="{38A60EBF-0FA1-4059-C1A5-EADB6335104A}"/>
          </ac:spMkLst>
        </pc:spChg>
        <pc:picChg chg="add mod">
          <ac:chgData name="Daly Donnacha HSLU I" userId="0f22e960-400a-43ff-baeb-4828c8f5cd3a" providerId="ADAL" clId="{56B8305E-EFE3-4AE4-9B4C-5B628486D9D8}" dt="2023-09-28T07:58:26.192" v="12"/>
          <ac:picMkLst>
            <pc:docMk/>
            <pc:sldMk cId="1262394428" sldId="700"/>
            <ac:picMk id="6" creationId="{BD4C5D0E-56BF-38ED-734D-F06758926821}"/>
          </ac:picMkLst>
        </pc:picChg>
      </pc:sldChg>
      <pc:sldChg chg="addSp modSp new mod">
        <pc:chgData name="Daly Donnacha HSLU I" userId="0f22e960-400a-43ff-baeb-4828c8f5cd3a" providerId="ADAL" clId="{56B8305E-EFE3-4AE4-9B4C-5B628486D9D8}" dt="2023-09-28T07:59:35.592" v="74" actId="20577"/>
        <pc:sldMkLst>
          <pc:docMk/>
          <pc:sldMk cId="1379210191" sldId="701"/>
        </pc:sldMkLst>
        <pc:spChg chg="mod">
          <ac:chgData name="Daly Donnacha HSLU I" userId="0f22e960-400a-43ff-baeb-4828c8f5cd3a" providerId="ADAL" clId="{56B8305E-EFE3-4AE4-9B4C-5B628486D9D8}" dt="2023-09-28T07:59:35.592" v="74" actId="20577"/>
          <ac:spMkLst>
            <pc:docMk/>
            <pc:sldMk cId="1379210191" sldId="701"/>
            <ac:spMk id="2" creationId="{CEA0EB08-0AE1-F5EF-E7D7-0AFFF5935C91}"/>
          </ac:spMkLst>
        </pc:spChg>
        <pc:spChg chg="add mod">
          <ac:chgData name="Daly Donnacha HSLU I" userId="0f22e960-400a-43ff-baeb-4828c8f5cd3a" providerId="ADAL" clId="{56B8305E-EFE3-4AE4-9B4C-5B628486D9D8}" dt="2023-09-28T07:59:18.077" v="41"/>
          <ac:spMkLst>
            <pc:docMk/>
            <pc:sldMk cId="1379210191" sldId="701"/>
            <ac:spMk id="5" creationId="{EB70932C-DD2C-0F6D-52EA-094C6738F3CF}"/>
          </ac:spMkLst>
        </pc:spChg>
        <pc:spChg chg="add mod">
          <ac:chgData name="Daly Donnacha HSLU I" userId="0f22e960-400a-43ff-baeb-4828c8f5cd3a" providerId="ADAL" clId="{56B8305E-EFE3-4AE4-9B4C-5B628486D9D8}" dt="2023-09-28T07:59:23.054" v="42" actId="1076"/>
          <ac:spMkLst>
            <pc:docMk/>
            <pc:sldMk cId="1379210191" sldId="701"/>
            <ac:spMk id="7" creationId="{798B6A3F-4B23-9158-ED1A-0C926C013D92}"/>
          </ac:spMkLst>
        </pc:spChg>
        <pc:picChg chg="add mod">
          <ac:chgData name="Daly Donnacha HSLU I" userId="0f22e960-400a-43ff-baeb-4828c8f5cd3a" providerId="ADAL" clId="{56B8305E-EFE3-4AE4-9B4C-5B628486D9D8}" dt="2023-09-28T07:59:18.077" v="41"/>
          <ac:picMkLst>
            <pc:docMk/>
            <pc:sldMk cId="1379210191" sldId="701"/>
            <ac:picMk id="6" creationId="{426C2B58-B921-BB22-0368-143E289D39E2}"/>
          </ac:picMkLst>
        </pc:picChg>
      </pc:sldChg>
      <pc:sldChg chg="addSp modSp new mod">
        <pc:chgData name="Daly Donnacha HSLU I" userId="0f22e960-400a-43ff-baeb-4828c8f5cd3a" providerId="ADAL" clId="{56B8305E-EFE3-4AE4-9B4C-5B628486D9D8}" dt="2023-09-28T08:12:21.148" v="144" actId="20577"/>
        <pc:sldMkLst>
          <pc:docMk/>
          <pc:sldMk cId="2402254061" sldId="702"/>
        </pc:sldMkLst>
        <pc:spChg chg="mod">
          <ac:chgData name="Daly Donnacha HSLU I" userId="0f22e960-400a-43ff-baeb-4828c8f5cd3a" providerId="ADAL" clId="{56B8305E-EFE3-4AE4-9B4C-5B628486D9D8}" dt="2023-09-28T08:12:21.148" v="144" actId="20577"/>
          <ac:spMkLst>
            <pc:docMk/>
            <pc:sldMk cId="2402254061" sldId="702"/>
            <ac:spMk id="2" creationId="{3F9122C3-DB7A-FB03-333B-92952992E085}"/>
          </ac:spMkLst>
        </pc:spChg>
        <pc:picChg chg="add mod modCrop">
          <ac:chgData name="Daly Donnacha HSLU I" userId="0f22e960-400a-43ff-baeb-4828c8f5cd3a" providerId="ADAL" clId="{56B8305E-EFE3-4AE4-9B4C-5B628486D9D8}" dt="2023-09-28T08:09:41.307" v="100" actId="1076"/>
          <ac:picMkLst>
            <pc:docMk/>
            <pc:sldMk cId="2402254061" sldId="702"/>
            <ac:picMk id="6" creationId="{976991D6-4A18-1F8C-494E-8346675452DB}"/>
          </ac:picMkLst>
        </pc:picChg>
        <pc:picChg chg="add mod">
          <ac:chgData name="Daly Donnacha HSLU I" userId="0f22e960-400a-43ff-baeb-4828c8f5cd3a" providerId="ADAL" clId="{56B8305E-EFE3-4AE4-9B4C-5B628486D9D8}" dt="2023-09-28T08:12:07.716" v="107" actId="1076"/>
          <ac:picMkLst>
            <pc:docMk/>
            <pc:sldMk cId="2402254061" sldId="702"/>
            <ac:picMk id="8" creationId="{0123F835-D972-E7C4-A9C2-E3ED41DAA8CA}"/>
          </ac:picMkLst>
        </pc:picChg>
      </pc:sldChg>
    </pc:docChg>
  </pc:docChgLst>
  <pc:docChgLst>
    <pc:chgData name="Daly Donnacha HSLU I" userId="0f22e960-400a-43ff-baeb-4828c8f5cd3a" providerId="ADAL" clId="{8E75D7C1-D96A-DF4D-8EDC-4538710F7E85}"/>
    <pc:docChg chg="undo custSel addSld delSld modSld sldOrd">
      <pc:chgData name="Daly Donnacha HSLU I" userId="0f22e960-400a-43ff-baeb-4828c8f5cd3a" providerId="ADAL" clId="{8E75D7C1-D96A-DF4D-8EDC-4538710F7E85}" dt="2020-12-14T15:06:57.693" v="476" actId="6549"/>
      <pc:docMkLst>
        <pc:docMk/>
      </pc:docMkLst>
      <pc:sldChg chg="modSp mod">
        <pc:chgData name="Daly Donnacha HSLU I" userId="0f22e960-400a-43ff-baeb-4828c8f5cd3a" providerId="ADAL" clId="{8E75D7C1-D96A-DF4D-8EDC-4538710F7E85}" dt="2020-12-14T13:49:24.637" v="19" actId="20577"/>
        <pc:sldMkLst>
          <pc:docMk/>
          <pc:sldMk cId="0" sldId="256"/>
        </pc:sldMkLst>
        <pc:spChg chg="mod">
          <ac:chgData name="Daly Donnacha HSLU I" userId="0f22e960-400a-43ff-baeb-4828c8f5cd3a" providerId="ADAL" clId="{8E75D7C1-D96A-DF4D-8EDC-4538710F7E85}" dt="2020-12-14T13:49:24.637" v="19" actId="20577"/>
          <ac:spMkLst>
            <pc:docMk/>
            <pc:sldMk cId="0" sldId="256"/>
            <ac:spMk id="3075" creationId="{00000000-0000-0000-0000-000000000000}"/>
          </ac:spMkLst>
        </pc:spChg>
      </pc:sldChg>
      <pc:sldChg chg="del">
        <pc:chgData name="Daly Donnacha HSLU I" userId="0f22e960-400a-43ff-baeb-4828c8f5cd3a" providerId="ADAL" clId="{8E75D7C1-D96A-DF4D-8EDC-4538710F7E85}" dt="2020-12-14T13:49:08.503" v="13" actId="2696"/>
        <pc:sldMkLst>
          <pc:docMk/>
          <pc:sldMk cId="2112635940" sldId="275"/>
        </pc:sldMkLst>
      </pc:sldChg>
      <pc:sldChg chg="addSp delSp modSp mod">
        <pc:chgData name="Daly Donnacha HSLU I" userId="0f22e960-400a-43ff-baeb-4828c8f5cd3a" providerId="ADAL" clId="{8E75D7C1-D96A-DF4D-8EDC-4538710F7E85}" dt="2020-12-14T14:52:00.889" v="142" actId="478"/>
        <pc:sldMkLst>
          <pc:docMk/>
          <pc:sldMk cId="591590477" sldId="281"/>
        </pc:sldMkLst>
        <pc:spChg chg="mod">
          <ac:chgData name="Daly Donnacha HSLU I" userId="0f22e960-400a-43ff-baeb-4828c8f5cd3a" providerId="ADAL" clId="{8E75D7C1-D96A-DF4D-8EDC-4538710F7E85}" dt="2020-12-14T14:51:54.507" v="141" actId="20577"/>
          <ac:spMkLst>
            <pc:docMk/>
            <pc:sldMk cId="591590477" sldId="281"/>
            <ac:spMk id="2" creationId="{65172897-2705-C543-ABB6-B539F62DBC53}"/>
          </ac:spMkLst>
        </pc:spChg>
        <pc:picChg chg="del">
          <ac:chgData name="Daly Donnacha HSLU I" userId="0f22e960-400a-43ff-baeb-4828c8f5cd3a" providerId="ADAL" clId="{8E75D7C1-D96A-DF4D-8EDC-4538710F7E85}" dt="2020-12-14T14:44:14.653" v="66" actId="21"/>
          <ac:picMkLst>
            <pc:docMk/>
            <pc:sldMk cId="591590477" sldId="281"/>
            <ac:picMk id="3" creationId="{2DD250F4-B183-7745-9681-EF143B38CCF6}"/>
          </ac:picMkLst>
        </pc:picChg>
        <pc:picChg chg="add del mod">
          <ac:chgData name="Daly Donnacha HSLU I" userId="0f22e960-400a-43ff-baeb-4828c8f5cd3a" providerId="ADAL" clId="{8E75D7C1-D96A-DF4D-8EDC-4538710F7E85}" dt="2020-12-14T14:44:36.481" v="70" actId="21"/>
          <ac:picMkLst>
            <pc:docMk/>
            <pc:sldMk cId="591590477" sldId="281"/>
            <ac:picMk id="4" creationId="{36706ED2-E02F-3D4E-A424-9198E90B976D}"/>
          </ac:picMkLst>
        </pc:picChg>
        <pc:picChg chg="add mod">
          <ac:chgData name="Daly Donnacha HSLU I" userId="0f22e960-400a-43ff-baeb-4828c8f5cd3a" providerId="ADAL" clId="{8E75D7C1-D96A-DF4D-8EDC-4538710F7E85}" dt="2020-12-14T14:51:01.028" v="112"/>
          <ac:picMkLst>
            <pc:docMk/>
            <pc:sldMk cId="591590477" sldId="281"/>
            <ac:picMk id="5" creationId="{E7DE91B6-F782-FB48-86D2-4CBEB5EBDFA8}"/>
          </ac:picMkLst>
        </pc:picChg>
        <pc:picChg chg="add mod modCrop">
          <ac:chgData name="Daly Donnacha HSLU I" userId="0f22e960-400a-43ff-baeb-4828c8f5cd3a" providerId="ADAL" clId="{8E75D7C1-D96A-DF4D-8EDC-4538710F7E85}" dt="2020-12-14T14:47:54.592" v="80" actId="732"/>
          <ac:picMkLst>
            <pc:docMk/>
            <pc:sldMk cId="591590477" sldId="281"/>
            <ac:picMk id="6" creationId="{776EC790-9F39-0E43-A0B5-D7A122A75934}"/>
          </ac:picMkLst>
        </pc:picChg>
        <pc:picChg chg="add del mod modCrop">
          <ac:chgData name="Daly Donnacha HSLU I" userId="0f22e960-400a-43ff-baeb-4828c8f5cd3a" providerId="ADAL" clId="{8E75D7C1-D96A-DF4D-8EDC-4538710F7E85}" dt="2020-12-14T14:52:00.889" v="142" actId="478"/>
          <ac:picMkLst>
            <pc:docMk/>
            <pc:sldMk cId="591590477" sldId="281"/>
            <ac:picMk id="7" creationId="{23E4D7E1-4DEB-F542-97AA-D15CA173668F}"/>
          </ac:picMkLst>
        </pc:picChg>
        <pc:picChg chg="add mod modCrop">
          <ac:chgData name="Daly Donnacha HSLU I" userId="0f22e960-400a-43ff-baeb-4828c8f5cd3a" providerId="ADAL" clId="{8E75D7C1-D96A-DF4D-8EDC-4538710F7E85}" dt="2020-12-14T14:50:08.702" v="102" actId="732"/>
          <ac:picMkLst>
            <pc:docMk/>
            <pc:sldMk cId="591590477" sldId="281"/>
            <ac:picMk id="8" creationId="{AFE6D96B-2612-EA4E-8C2F-2A7FA2357FFC}"/>
          </ac:picMkLst>
        </pc:picChg>
        <pc:picChg chg="add mod modCrop">
          <ac:chgData name="Daly Donnacha HSLU I" userId="0f22e960-400a-43ff-baeb-4828c8f5cd3a" providerId="ADAL" clId="{8E75D7C1-D96A-DF4D-8EDC-4538710F7E85}" dt="2020-12-14T14:50:41.348" v="111" actId="732"/>
          <ac:picMkLst>
            <pc:docMk/>
            <pc:sldMk cId="591590477" sldId="281"/>
            <ac:picMk id="9" creationId="{A1095F6D-DEB3-0540-B98D-AD2791196C24}"/>
          </ac:picMkLst>
        </pc:picChg>
      </pc:sldChg>
      <pc:sldChg chg="add ord">
        <pc:chgData name="Daly Donnacha HSLU I" userId="0f22e960-400a-43ff-baeb-4828c8f5cd3a" providerId="ADAL" clId="{8E75D7C1-D96A-DF4D-8EDC-4538710F7E85}" dt="2020-12-14T14:51:23.497" v="113" actId="20578"/>
        <pc:sldMkLst>
          <pc:docMk/>
          <pc:sldMk cId="2116898269" sldId="282"/>
        </pc:sldMkLst>
      </pc:sldChg>
      <pc:sldChg chg="del">
        <pc:chgData name="Daly Donnacha HSLU I" userId="0f22e960-400a-43ff-baeb-4828c8f5cd3a" providerId="ADAL" clId="{8E75D7C1-D96A-DF4D-8EDC-4538710F7E85}" dt="2020-12-14T13:49:04.910" v="10" actId="2696"/>
        <pc:sldMkLst>
          <pc:docMk/>
          <pc:sldMk cId="2931118177" sldId="282"/>
        </pc:sldMkLst>
      </pc:sldChg>
      <pc:sldChg chg="del">
        <pc:chgData name="Daly Donnacha HSLU I" userId="0f22e960-400a-43ff-baeb-4828c8f5cd3a" providerId="ADAL" clId="{8E75D7C1-D96A-DF4D-8EDC-4538710F7E85}" dt="2020-12-14T13:49:05.270" v="11" actId="2696"/>
        <pc:sldMkLst>
          <pc:docMk/>
          <pc:sldMk cId="2089926485" sldId="283"/>
        </pc:sldMkLst>
      </pc:sldChg>
      <pc:sldChg chg="addSp delSp modSp new mod">
        <pc:chgData name="Daly Donnacha HSLU I" userId="0f22e960-400a-43ff-baeb-4828c8f5cd3a" providerId="ADAL" clId="{8E75D7C1-D96A-DF4D-8EDC-4538710F7E85}" dt="2020-12-14T15:06:57.693" v="476" actId="6549"/>
        <pc:sldMkLst>
          <pc:docMk/>
          <pc:sldMk cId="3839413538" sldId="283"/>
        </pc:sldMkLst>
        <pc:spChg chg="mod">
          <ac:chgData name="Daly Donnacha HSLU I" userId="0f22e960-400a-43ff-baeb-4828c8f5cd3a" providerId="ADAL" clId="{8E75D7C1-D96A-DF4D-8EDC-4538710F7E85}" dt="2020-12-14T14:54:23.725" v="230" actId="255"/>
          <ac:spMkLst>
            <pc:docMk/>
            <pc:sldMk cId="3839413538" sldId="283"/>
            <ac:spMk id="2" creationId="{634CCDDD-0C0C-8249-9BDB-F2ECE6F22D4F}"/>
          </ac:spMkLst>
        </pc:spChg>
        <pc:spChg chg="add mod">
          <ac:chgData name="Daly Donnacha HSLU I" userId="0f22e960-400a-43ff-baeb-4828c8f5cd3a" providerId="ADAL" clId="{8E75D7C1-D96A-DF4D-8EDC-4538710F7E85}" dt="2020-12-14T15:01:45.016" v="388" actId="1076"/>
          <ac:spMkLst>
            <pc:docMk/>
            <pc:sldMk cId="3839413538" sldId="283"/>
            <ac:spMk id="3" creationId="{E770D269-1AA2-3E40-94BE-D5ED8335976A}"/>
          </ac:spMkLst>
        </pc:spChg>
        <pc:spChg chg="add mod">
          <ac:chgData name="Daly Donnacha HSLU I" userId="0f22e960-400a-43ff-baeb-4828c8f5cd3a" providerId="ADAL" clId="{8E75D7C1-D96A-DF4D-8EDC-4538710F7E85}" dt="2020-12-14T15:04:23.735" v="453" actId="14100"/>
          <ac:spMkLst>
            <pc:docMk/>
            <pc:sldMk cId="3839413538" sldId="283"/>
            <ac:spMk id="5" creationId="{63783B6E-019F-FC4B-AA29-086453344A17}"/>
          </ac:spMkLst>
        </pc:spChg>
        <pc:spChg chg="add mod">
          <ac:chgData name="Daly Donnacha HSLU I" userId="0f22e960-400a-43ff-baeb-4828c8f5cd3a" providerId="ADAL" clId="{8E75D7C1-D96A-DF4D-8EDC-4538710F7E85}" dt="2020-12-14T15:06:57.693" v="476" actId="6549"/>
          <ac:spMkLst>
            <pc:docMk/>
            <pc:sldMk cId="3839413538" sldId="283"/>
            <ac:spMk id="6" creationId="{A3EFEAF1-1A22-0D47-987E-02D48CA52EDC}"/>
          </ac:spMkLst>
        </pc:spChg>
        <pc:picChg chg="add del mod">
          <ac:chgData name="Daly Donnacha HSLU I" userId="0f22e960-400a-43ff-baeb-4828c8f5cd3a" providerId="ADAL" clId="{8E75D7C1-D96A-DF4D-8EDC-4538710F7E85}" dt="2020-12-14T15:01:38.740" v="385" actId="478"/>
          <ac:picMkLst>
            <pc:docMk/>
            <pc:sldMk cId="3839413538" sldId="283"/>
            <ac:picMk id="4" creationId="{CB5152C4-7167-7E42-B7CB-D2FC4B891F24}"/>
          </ac:picMkLst>
        </pc:picChg>
        <pc:picChg chg="add mod">
          <ac:chgData name="Daly Donnacha HSLU I" userId="0f22e960-400a-43ff-baeb-4828c8f5cd3a" providerId="ADAL" clId="{8E75D7C1-D96A-DF4D-8EDC-4538710F7E85}" dt="2020-12-14T15:01:51.599" v="390" actId="14100"/>
          <ac:picMkLst>
            <pc:docMk/>
            <pc:sldMk cId="3839413538" sldId="283"/>
            <ac:picMk id="2050" creationId="{8D75F04C-DBA4-444B-A48B-F4AC0F54BE09}"/>
          </ac:picMkLst>
        </pc:picChg>
      </pc:sldChg>
      <pc:sldChg chg="del">
        <pc:chgData name="Daly Donnacha HSLU I" userId="0f22e960-400a-43ff-baeb-4828c8f5cd3a" providerId="ADAL" clId="{8E75D7C1-D96A-DF4D-8EDC-4538710F7E85}" dt="2020-12-14T13:49:05.596" v="12" actId="2696"/>
        <pc:sldMkLst>
          <pc:docMk/>
          <pc:sldMk cId="1626636472" sldId="284"/>
        </pc:sldMkLst>
      </pc:sldChg>
      <pc:sldChg chg="addSp delSp modSp new mod ord">
        <pc:chgData name="Daly Donnacha HSLU I" userId="0f22e960-400a-43ff-baeb-4828c8f5cd3a" providerId="ADAL" clId="{8E75D7C1-D96A-DF4D-8EDC-4538710F7E85}" dt="2020-12-14T15:00:30.940" v="383" actId="20577"/>
        <pc:sldMkLst>
          <pc:docMk/>
          <pc:sldMk cId="2518564325" sldId="284"/>
        </pc:sldMkLst>
        <pc:spChg chg="mod">
          <ac:chgData name="Daly Donnacha HSLU I" userId="0f22e960-400a-43ff-baeb-4828c8f5cd3a" providerId="ADAL" clId="{8E75D7C1-D96A-DF4D-8EDC-4538710F7E85}" dt="2020-12-14T14:58:23.353" v="336" actId="20577"/>
          <ac:spMkLst>
            <pc:docMk/>
            <pc:sldMk cId="2518564325" sldId="284"/>
            <ac:spMk id="2" creationId="{20D630F6-2A57-BE40-9978-CA4A7ED03567}"/>
          </ac:spMkLst>
        </pc:spChg>
        <pc:spChg chg="add mod">
          <ac:chgData name="Daly Donnacha HSLU I" userId="0f22e960-400a-43ff-baeb-4828c8f5cd3a" providerId="ADAL" clId="{8E75D7C1-D96A-DF4D-8EDC-4538710F7E85}" dt="2020-12-14T14:58:54.363" v="340" actId="1036"/>
          <ac:spMkLst>
            <pc:docMk/>
            <pc:sldMk cId="2518564325" sldId="284"/>
            <ac:spMk id="3" creationId="{44D1A7DD-218B-FE4E-BE77-74A9B997A6BA}"/>
          </ac:spMkLst>
        </pc:spChg>
        <pc:spChg chg="add mod">
          <ac:chgData name="Daly Donnacha HSLU I" userId="0f22e960-400a-43ff-baeb-4828c8f5cd3a" providerId="ADAL" clId="{8E75D7C1-D96A-DF4D-8EDC-4538710F7E85}" dt="2020-12-14T14:58:54.363" v="340" actId="1036"/>
          <ac:spMkLst>
            <pc:docMk/>
            <pc:sldMk cId="2518564325" sldId="284"/>
            <ac:spMk id="4" creationId="{58DCA8E0-AACA-DA40-96A3-85204801C88F}"/>
          </ac:spMkLst>
        </pc:spChg>
        <pc:spChg chg="add mod">
          <ac:chgData name="Daly Donnacha HSLU I" userId="0f22e960-400a-43ff-baeb-4828c8f5cd3a" providerId="ADAL" clId="{8E75D7C1-D96A-DF4D-8EDC-4538710F7E85}" dt="2020-12-14T15:00:30.940" v="383" actId="20577"/>
          <ac:spMkLst>
            <pc:docMk/>
            <pc:sldMk cId="2518564325" sldId="284"/>
            <ac:spMk id="6" creationId="{21511A7E-171F-9F4B-AF82-551B86C04022}"/>
          </ac:spMkLst>
        </pc:spChg>
        <pc:graphicFrameChg chg="add del mod">
          <ac:chgData name="Daly Donnacha HSLU I" userId="0f22e960-400a-43ff-baeb-4828c8f5cd3a" providerId="ADAL" clId="{8E75D7C1-D96A-DF4D-8EDC-4538710F7E85}" dt="2020-12-14T14:59:31.114" v="342"/>
          <ac:graphicFrameMkLst>
            <pc:docMk/>
            <pc:sldMk cId="2518564325" sldId="284"/>
            <ac:graphicFrameMk id="5" creationId="{CD9F6095-F305-854D-A7FE-EB795BC37507}"/>
          </ac:graphicFrameMkLst>
        </pc:graphicFrameChg>
        <pc:picChg chg="add mod">
          <ac:chgData name="Daly Donnacha HSLU I" userId="0f22e960-400a-43ff-baeb-4828c8f5cd3a" providerId="ADAL" clId="{8E75D7C1-D96A-DF4D-8EDC-4538710F7E85}" dt="2020-12-14T14:58:54.363" v="340" actId="1036"/>
          <ac:picMkLst>
            <pc:docMk/>
            <pc:sldMk cId="2518564325" sldId="284"/>
            <ac:picMk id="1026" creationId="{BF9F4918-4722-8A43-8B79-DCF114195CFF}"/>
          </ac:picMkLst>
        </pc:picChg>
      </pc:sldChg>
    </pc:docChg>
  </pc:docChgLst>
  <pc:docChgLst>
    <pc:chgData name="Daly Donnacha HSLU I" userId="0f22e960-400a-43ff-baeb-4828c8f5cd3a" providerId="ADAL" clId="{54326D88-4859-0849-AFD2-7BF8221993B8}"/>
    <pc:docChg chg="undo custSel addSld delSld modSld sldOrd modMainMaster">
      <pc:chgData name="Daly Donnacha HSLU I" userId="0f22e960-400a-43ff-baeb-4828c8f5cd3a" providerId="ADAL" clId="{54326D88-4859-0849-AFD2-7BF8221993B8}" dt="2020-09-30T15:27:02.750" v="4004" actId="1037"/>
      <pc:docMkLst>
        <pc:docMk/>
      </pc:docMkLst>
      <pc:sldChg chg="modSp mod">
        <pc:chgData name="Daly Donnacha HSLU I" userId="0f22e960-400a-43ff-baeb-4828c8f5cd3a" providerId="ADAL" clId="{54326D88-4859-0849-AFD2-7BF8221993B8}" dt="2020-09-30T14:11:04.460" v="2638" actId="6549"/>
        <pc:sldMkLst>
          <pc:docMk/>
          <pc:sldMk cId="0" sldId="256"/>
        </pc:sldMkLst>
        <pc:spChg chg="mod">
          <ac:chgData name="Daly Donnacha HSLU I" userId="0f22e960-400a-43ff-baeb-4828c8f5cd3a" providerId="ADAL" clId="{54326D88-4859-0849-AFD2-7BF8221993B8}" dt="2020-09-30T14:11:04.460" v="2638" actId="6549"/>
          <ac:spMkLst>
            <pc:docMk/>
            <pc:sldMk cId="0" sldId="256"/>
            <ac:spMk id="3075" creationId="{00000000-0000-0000-0000-000000000000}"/>
          </ac:spMkLst>
        </pc:spChg>
      </pc:sldChg>
      <pc:sldChg chg="addSp delSp modSp mod">
        <pc:chgData name="Daly Donnacha HSLU I" userId="0f22e960-400a-43ff-baeb-4828c8f5cd3a" providerId="ADAL" clId="{54326D88-4859-0849-AFD2-7BF8221993B8}" dt="2020-09-30T14:52:28.116" v="2755" actId="2710"/>
        <pc:sldMkLst>
          <pc:docMk/>
          <pc:sldMk cId="2112635940" sldId="275"/>
        </pc:sldMkLst>
        <pc:spChg chg="mod">
          <ac:chgData name="Daly Donnacha HSLU I" userId="0f22e960-400a-43ff-baeb-4828c8f5cd3a" providerId="ADAL" clId="{54326D88-4859-0849-AFD2-7BF8221993B8}" dt="2020-09-28T12:05:12.279" v="267" actId="20577"/>
          <ac:spMkLst>
            <pc:docMk/>
            <pc:sldMk cId="2112635940" sldId="275"/>
            <ac:spMk id="2" creationId="{4A11D16A-03FB-D64B-9EF6-6518847E98FD}"/>
          </ac:spMkLst>
        </pc:spChg>
        <pc:spChg chg="add mod">
          <ac:chgData name="Daly Donnacha HSLU I" userId="0f22e960-400a-43ff-baeb-4828c8f5cd3a" providerId="ADAL" clId="{54326D88-4859-0849-AFD2-7BF8221993B8}" dt="2020-09-30T14:52:28.116" v="2755" actId="2710"/>
          <ac:spMkLst>
            <pc:docMk/>
            <pc:sldMk cId="2112635940" sldId="275"/>
            <ac:spMk id="3" creationId="{0F4BCA3E-DCDA-8E49-98E9-CEF59768470A}"/>
          </ac:spMkLst>
        </pc:spChg>
        <pc:spChg chg="add mod">
          <ac:chgData name="Daly Donnacha HSLU I" userId="0f22e960-400a-43ff-baeb-4828c8f5cd3a" providerId="ADAL" clId="{54326D88-4859-0849-AFD2-7BF8221993B8}" dt="2020-09-28T18:25:22.523" v="2353" actId="1036"/>
          <ac:spMkLst>
            <pc:docMk/>
            <pc:sldMk cId="2112635940" sldId="275"/>
            <ac:spMk id="4" creationId="{1190C09F-0D6E-0A4C-B0EE-B4350428B9F4}"/>
          </ac:spMkLst>
        </pc:spChg>
        <pc:spChg chg="mod topLvl">
          <ac:chgData name="Daly Donnacha HSLU I" userId="0f22e960-400a-43ff-baeb-4828c8f5cd3a" providerId="ADAL" clId="{54326D88-4859-0849-AFD2-7BF8221993B8}" dt="2020-09-28T18:25:22.523" v="2353" actId="1036"/>
          <ac:spMkLst>
            <pc:docMk/>
            <pc:sldMk cId="2112635940" sldId="275"/>
            <ac:spMk id="7" creationId="{1AD50310-DB70-B34A-8B0F-048EA7C93CB1}"/>
          </ac:spMkLst>
        </pc:spChg>
        <pc:spChg chg="del mod topLvl">
          <ac:chgData name="Daly Donnacha HSLU I" userId="0f22e960-400a-43ff-baeb-4828c8f5cd3a" providerId="ADAL" clId="{54326D88-4859-0849-AFD2-7BF8221993B8}" dt="2020-09-28T12:11:32.207" v="474" actId="478"/>
          <ac:spMkLst>
            <pc:docMk/>
            <pc:sldMk cId="2112635940" sldId="275"/>
            <ac:spMk id="8" creationId="{9AEDC5DB-972D-1A4B-8667-72D56D18F271}"/>
          </ac:spMkLst>
        </pc:spChg>
        <pc:spChg chg="add mod">
          <ac:chgData name="Daly Donnacha HSLU I" userId="0f22e960-400a-43ff-baeb-4828c8f5cd3a" providerId="ADAL" clId="{54326D88-4859-0849-AFD2-7BF8221993B8}" dt="2020-09-30T14:07:26.746" v="2603" actId="207"/>
          <ac:spMkLst>
            <pc:docMk/>
            <pc:sldMk cId="2112635940" sldId="275"/>
            <ac:spMk id="9" creationId="{884D0979-3F02-0B4C-B29E-3FDACE54A804}"/>
          </ac:spMkLst>
        </pc:spChg>
        <pc:spChg chg="add mod">
          <ac:chgData name="Daly Donnacha HSLU I" userId="0f22e960-400a-43ff-baeb-4828c8f5cd3a" providerId="ADAL" clId="{54326D88-4859-0849-AFD2-7BF8221993B8}" dt="2020-09-28T18:25:22.523" v="2353" actId="1036"/>
          <ac:spMkLst>
            <pc:docMk/>
            <pc:sldMk cId="2112635940" sldId="275"/>
            <ac:spMk id="10" creationId="{7A22ECE5-A411-834F-AD46-466F5D3DE4CC}"/>
          </ac:spMkLst>
        </pc:spChg>
        <pc:spChg chg="add del mod">
          <ac:chgData name="Daly Donnacha HSLU I" userId="0f22e960-400a-43ff-baeb-4828c8f5cd3a" providerId="ADAL" clId="{54326D88-4859-0849-AFD2-7BF8221993B8}" dt="2020-09-28T12:30:47.590" v="768" actId="478"/>
          <ac:spMkLst>
            <pc:docMk/>
            <pc:sldMk cId="2112635940" sldId="275"/>
            <ac:spMk id="11" creationId="{BB23A3BD-22DB-F343-851E-26E496503957}"/>
          </ac:spMkLst>
        </pc:spChg>
        <pc:spChg chg="add mod">
          <ac:chgData name="Daly Donnacha HSLU I" userId="0f22e960-400a-43ff-baeb-4828c8f5cd3a" providerId="ADAL" clId="{54326D88-4859-0849-AFD2-7BF8221993B8}" dt="2020-09-28T18:25:22.523" v="2353" actId="1036"/>
          <ac:spMkLst>
            <pc:docMk/>
            <pc:sldMk cId="2112635940" sldId="275"/>
            <ac:spMk id="12" creationId="{77765C5A-D23E-F94D-AA78-F273075D7D84}"/>
          </ac:spMkLst>
        </pc:spChg>
        <pc:spChg chg="add mod">
          <ac:chgData name="Daly Donnacha HSLU I" userId="0f22e960-400a-43ff-baeb-4828c8f5cd3a" providerId="ADAL" clId="{54326D88-4859-0849-AFD2-7BF8221993B8}" dt="2020-09-28T18:25:22.523" v="2353" actId="1036"/>
          <ac:spMkLst>
            <pc:docMk/>
            <pc:sldMk cId="2112635940" sldId="275"/>
            <ac:spMk id="13" creationId="{29CCF4AD-DB95-FB4B-81D4-4E9F8BF9E450}"/>
          </ac:spMkLst>
        </pc:spChg>
        <pc:spChg chg="add mod">
          <ac:chgData name="Daly Donnacha HSLU I" userId="0f22e960-400a-43ff-baeb-4828c8f5cd3a" providerId="ADAL" clId="{54326D88-4859-0849-AFD2-7BF8221993B8}" dt="2020-09-28T18:25:22.523" v="2353" actId="1036"/>
          <ac:spMkLst>
            <pc:docMk/>
            <pc:sldMk cId="2112635940" sldId="275"/>
            <ac:spMk id="14" creationId="{CF5CE2E6-F27E-2B44-8BD0-D7898E0B11A1}"/>
          </ac:spMkLst>
        </pc:spChg>
        <pc:spChg chg="add mod">
          <ac:chgData name="Daly Donnacha HSLU I" userId="0f22e960-400a-43ff-baeb-4828c8f5cd3a" providerId="ADAL" clId="{54326D88-4859-0849-AFD2-7BF8221993B8}" dt="2020-09-28T18:25:22.523" v="2353" actId="1036"/>
          <ac:spMkLst>
            <pc:docMk/>
            <pc:sldMk cId="2112635940" sldId="275"/>
            <ac:spMk id="15" creationId="{32A33955-1D60-D04C-B6B2-225F58CB6E81}"/>
          </ac:spMkLst>
        </pc:spChg>
        <pc:spChg chg="add mod">
          <ac:chgData name="Daly Donnacha HSLU I" userId="0f22e960-400a-43ff-baeb-4828c8f5cd3a" providerId="ADAL" clId="{54326D88-4859-0849-AFD2-7BF8221993B8}" dt="2020-09-30T14:07:39.187" v="2606" actId="6549"/>
          <ac:spMkLst>
            <pc:docMk/>
            <pc:sldMk cId="2112635940" sldId="275"/>
            <ac:spMk id="16" creationId="{87A66900-F27B-B647-B258-7549B49C65AC}"/>
          </ac:spMkLst>
        </pc:spChg>
        <pc:spChg chg="add del mod">
          <ac:chgData name="Daly Donnacha HSLU I" userId="0f22e960-400a-43ff-baeb-4828c8f5cd3a" providerId="ADAL" clId="{54326D88-4859-0849-AFD2-7BF8221993B8}" dt="2020-09-28T12:41:07.854" v="956" actId="478"/>
          <ac:spMkLst>
            <pc:docMk/>
            <pc:sldMk cId="2112635940" sldId="275"/>
            <ac:spMk id="17" creationId="{90DAA6BE-3F52-BB4F-A1B7-DFA1422A0FC6}"/>
          </ac:spMkLst>
        </pc:spChg>
        <pc:spChg chg="add mod">
          <ac:chgData name="Daly Donnacha HSLU I" userId="0f22e960-400a-43ff-baeb-4828c8f5cd3a" providerId="ADAL" clId="{54326D88-4859-0849-AFD2-7BF8221993B8}" dt="2020-09-30T14:07:04.779" v="2600" actId="6549"/>
          <ac:spMkLst>
            <pc:docMk/>
            <pc:sldMk cId="2112635940" sldId="275"/>
            <ac:spMk id="18" creationId="{CC34CF44-3164-BD41-A320-50F670EFE567}"/>
          </ac:spMkLst>
        </pc:spChg>
        <pc:spChg chg="add del mod">
          <ac:chgData name="Daly Donnacha HSLU I" userId="0f22e960-400a-43ff-baeb-4828c8f5cd3a" providerId="ADAL" clId="{54326D88-4859-0849-AFD2-7BF8221993B8}" dt="2020-09-28T12:38:40.620" v="893" actId="478"/>
          <ac:spMkLst>
            <pc:docMk/>
            <pc:sldMk cId="2112635940" sldId="275"/>
            <ac:spMk id="19" creationId="{82EACC5C-DF81-2A49-92BC-B8E61BE080EB}"/>
          </ac:spMkLst>
        </pc:spChg>
        <pc:spChg chg="add del mod">
          <ac:chgData name="Daly Donnacha HSLU I" userId="0f22e960-400a-43ff-baeb-4828c8f5cd3a" providerId="ADAL" clId="{54326D88-4859-0849-AFD2-7BF8221993B8}" dt="2020-09-28T12:38:44.670" v="894" actId="478"/>
          <ac:spMkLst>
            <pc:docMk/>
            <pc:sldMk cId="2112635940" sldId="275"/>
            <ac:spMk id="20" creationId="{B3FA7B6E-C470-864F-ADFF-9AF97B6AC3B4}"/>
          </ac:spMkLst>
        </pc:spChg>
        <pc:grpChg chg="add del mod">
          <ac:chgData name="Daly Donnacha HSLU I" userId="0f22e960-400a-43ff-baeb-4828c8f5cd3a" providerId="ADAL" clId="{54326D88-4859-0849-AFD2-7BF8221993B8}" dt="2020-09-28T12:11:32.207" v="474" actId="478"/>
          <ac:grpSpMkLst>
            <pc:docMk/>
            <pc:sldMk cId="2112635940" sldId="275"/>
            <ac:grpSpMk id="6" creationId="{C373A3E5-86C5-D144-9D7E-8431F4D0C69E}"/>
          </ac:grpSpMkLst>
        </pc:grpChg>
        <pc:graphicFrameChg chg="del">
          <ac:chgData name="Daly Donnacha HSLU I" userId="0f22e960-400a-43ff-baeb-4828c8f5cd3a" providerId="ADAL" clId="{54326D88-4859-0849-AFD2-7BF8221993B8}" dt="2020-09-28T12:02:36.811" v="181" actId="478"/>
          <ac:graphicFrameMkLst>
            <pc:docMk/>
            <pc:sldMk cId="2112635940" sldId="275"/>
            <ac:graphicFrameMk id="5" creationId="{3CABB462-F1A3-0342-824E-82EDEDA65477}"/>
          </ac:graphicFrameMkLst>
        </pc:graphicFrame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22" creationId="{8B0DF1B3-9516-A644-A0B1-A59FFAB9F66E}"/>
          </ac:cxnSpMkLst>
        </pc:cxn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23" creationId="{D1CE144A-2F0A-F744-9928-45298376911E}"/>
          </ac:cxnSpMkLst>
        </pc:cxn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25" creationId="{A826880D-7B08-6448-8E43-466B39182EFA}"/>
          </ac:cxnSpMkLst>
        </pc:cxn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27" creationId="{A6CDAA6A-4DA0-A845-A0E7-0EA8DD6810A0}"/>
          </ac:cxnSpMkLst>
        </pc:cxn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29" creationId="{F6A1534E-84A5-E947-A7EA-EA403473CE61}"/>
          </ac:cxnSpMkLst>
        </pc:cxn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31" creationId="{63E3B5DD-4DDB-2240-8898-5C60CC87BD7F}"/>
          </ac:cxnSpMkLst>
        </pc:cxn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35" creationId="{59E4EA2B-2089-D24C-A972-5D894092F7CC}"/>
          </ac:cxnSpMkLst>
        </pc:cxnChg>
        <pc:cxnChg chg="add del mod">
          <ac:chgData name="Daly Donnacha HSLU I" userId="0f22e960-400a-43ff-baeb-4828c8f5cd3a" providerId="ADAL" clId="{54326D88-4859-0849-AFD2-7BF8221993B8}" dt="2020-09-28T12:45:33.058" v="1040" actId="478"/>
          <ac:cxnSpMkLst>
            <pc:docMk/>
            <pc:sldMk cId="2112635940" sldId="275"/>
            <ac:cxnSpMk id="40" creationId="{C3AD6CC7-0F3C-6A45-95B3-605E87C3F204}"/>
          </ac:cxnSpMkLst>
        </pc:cxn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43" creationId="{54AC7783-E9D5-634A-BBB9-C6E9E1FE5936}"/>
          </ac:cxnSpMkLst>
        </pc:cxn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47" creationId="{67E4DB02-A62E-D547-B23B-D0393ED3F214}"/>
          </ac:cxnSpMkLst>
        </pc:cxnChg>
        <pc:cxnChg chg="add mod">
          <ac:chgData name="Daly Donnacha HSLU I" userId="0f22e960-400a-43ff-baeb-4828c8f5cd3a" providerId="ADAL" clId="{54326D88-4859-0849-AFD2-7BF8221993B8}" dt="2020-09-28T18:25:22.523" v="2353" actId="1036"/>
          <ac:cxnSpMkLst>
            <pc:docMk/>
            <pc:sldMk cId="2112635940" sldId="275"/>
            <ac:cxnSpMk id="53" creationId="{72B62C97-E66E-D141-9918-7C114F656731}"/>
          </ac:cxnSpMkLst>
        </pc:cxnChg>
      </pc:sldChg>
      <pc:sldChg chg="del">
        <pc:chgData name="Daly Donnacha HSLU I" userId="0f22e960-400a-43ff-baeb-4828c8f5cd3a" providerId="ADAL" clId="{54326D88-4859-0849-AFD2-7BF8221993B8}" dt="2020-09-28T12:02:46.604" v="182" actId="2696"/>
        <pc:sldMkLst>
          <pc:docMk/>
          <pc:sldMk cId="237329280" sldId="276"/>
        </pc:sldMkLst>
      </pc:sldChg>
      <pc:sldChg chg="addSp delSp modSp add del mod ord">
        <pc:chgData name="Daly Donnacha HSLU I" userId="0f22e960-400a-43ff-baeb-4828c8f5cd3a" providerId="ADAL" clId="{54326D88-4859-0849-AFD2-7BF8221993B8}" dt="2020-09-30T14:51:15.330" v="2745" actId="2696"/>
        <pc:sldMkLst>
          <pc:docMk/>
          <pc:sldMk cId="3866959094" sldId="276"/>
        </pc:sldMkLst>
        <pc:spChg chg="mod">
          <ac:chgData name="Daly Donnacha HSLU I" userId="0f22e960-400a-43ff-baeb-4828c8f5cd3a" providerId="ADAL" clId="{54326D88-4859-0849-AFD2-7BF8221993B8}" dt="2020-09-28T18:39:50.607" v="2527" actId="20577"/>
          <ac:spMkLst>
            <pc:docMk/>
            <pc:sldMk cId="3866959094" sldId="276"/>
            <ac:spMk id="2" creationId="{65172897-2705-C543-ABB6-B539F62DBC53}"/>
          </ac:spMkLst>
        </pc:spChg>
        <pc:spChg chg="add del mod">
          <ac:chgData name="Daly Donnacha HSLU I" userId="0f22e960-400a-43ff-baeb-4828c8f5cd3a" providerId="ADAL" clId="{54326D88-4859-0849-AFD2-7BF8221993B8}" dt="2020-09-28T18:18:26.286" v="2256" actId="21"/>
          <ac:spMkLst>
            <pc:docMk/>
            <pc:sldMk cId="3866959094" sldId="276"/>
            <ac:spMk id="11" creationId="{25794AF6-27B3-0A46-98EA-FB9302F00CFF}"/>
          </ac:spMkLst>
        </pc:spChg>
        <pc:spChg chg="add del mod">
          <ac:chgData name="Daly Donnacha HSLU I" userId="0f22e960-400a-43ff-baeb-4828c8f5cd3a" providerId="ADAL" clId="{54326D88-4859-0849-AFD2-7BF8221993B8}" dt="2020-09-28T18:20:10.364" v="2260" actId="478"/>
          <ac:spMkLst>
            <pc:docMk/>
            <pc:sldMk cId="3866959094" sldId="276"/>
            <ac:spMk id="17" creationId="{52FF9FCD-24C5-5B44-8ECD-A9181A0B152C}"/>
          </ac:spMkLst>
        </pc:spChg>
        <pc:graphicFrameChg chg="add del mod">
          <ac:chgData name="Daly Donnacha HSLU I" userId="0f22e960-400a-43ff-baeb-4828c8f5cd3a" providerId="ADAL" clId="{54326D88-4859-0849-AFD2-7BF8221993B8}" dt="2020-09-28T14:10:39.957" v="1252"/>
          <ac:graphicFrameMkLst>
            <pc:docMk/>
            <pc:sldMk cId="3866959094" sldId="276"/>
            <ac:graphicFrameMk id="4" creationId="{2CFF6617-487F-464F-843B-BB337B550641}"/>
          </ac:graphicFrameMkLst>
        </pc:graphicFrameChg>
        <pc:graphicFrameChg chg="add del mod">
          <ac:chgData name="Daly Donnacha HSLU I" userId="0f22e960-400a-43ff-baeb-4828c8f5cd3a" providerId="ADAL" clId="{54326D88-4859-0849-AFD2-7BF8221993B8}" dt="2020-09-28T14:17:01.998" v="1299"/>
          <ac:graphicFrameMkLst>
            <pc:docMk/>
            <pc:sldMk cId="3866959094" sldId="276"/>
            <ac:graphicFrameMk id="8" creationId="{1E2D39D1-D0CA-AA4F-AF54-97F752500F43}"/>
          </ac:graphicFrameMkLst>
        </pc:graphicFrameChg>
        <pc:graphicFrameChg chg="add del mod">
          <ac:chgData name="Daly Donnacha HSLU I" userId="0f22e960-400a-43ff-baeb-4828c8f5cd3a" providerId="ADAL" clId="{54326D88-4859-0849-AFD2-7BF8221993B8}" dt="2020-09-28T14:17:53.109" v="1308"/>
          <ac:graphicFrameMkLst>
            <pc:docMk/>
            <pc:sldMk cId="3866959094" sldId="276"/>
            <ac:graphicFrameMk id="11" creationId="{228F16E8-55F7-C34F-AB01-3FD4436B99B1}"/>
          </ac:graphicFrameMkLst>
        </pc:graphicFrameChg>
        <pc:graphicFrameChg chg="add del mod">
          <ac:chgData name="Daly Donnacha HSLU I" userId="0f22e960-400a-43ff-baeb-4828c8f5cd3a" providerId="ADAL" clId="{54326D88-4859-0849-AFD2-7BF8221993B8}" dt="2020-09-28T14:19:51.232" v="1359"/>
          <ac:graphicFrameMkLst>
            <pc:docMk/>
            <pc:sldMk cId="3866959094" sldId="276"/>
            <ac:graphicFrameMk id="14" creationId="{EC4527BB-7AEB-BA4B-A2C1-ECD3CD94A784}"/>
          </ac:graphicFrameMkLst>
        </pc:graphicFrameChg>
        <pc:picChg chg="add del mod modCrop">
          <ac:chgData name="Daly Donnacha HSLU I" userId="0f22e960-400a-43ff-baeb-4828c8f5cd3a" providerId="ADAL" clId="{54326D88-4859-0849-AFD2-7BF8221993B8}" dt="2020-09-28T18:20:10.364" v="2260" actId="478"/>
          <ac:picMkLst>
            <pc:docMk/>
            <pc:sldMk cId="3866959094" sldId="276"/>
            <ac:picMk id="3" creationId="{757F0D08-5C07-3142-B056-39943C36F721}"/>
          </ac:picMkLst>
        </pc:picChg>
        <pc:picChg chg="add del mod">
          <ac:chgData name="Daly Donnacha HSLU I" userId="0f22e960-400a-43ff-baeb-4828c8f5cd3a" providerId="ADAL" clId="{54326D88-4859-0849-AFD2-7BF8221993B8}" dt="2020-09-28T18:39:46.766" v="2524" actId="478"/>
          <ac:picMkLst>
            <pc:docMk/>
            <pc:sldMk cId="3866959094" sldId="276"/>
            <ac:picMk id="4" creationId="{2819310F-71B4-3F4D-9040-4023D4B63B7F}"/>
          </ac:picMkLst>
        </pc:picChg>
        <pc:picChg chg="add del mod">
          <ac:chgData name="Daly Donnacha HSLU I" userId="0f22e960-400a-43ff-baeb-4828c8f5cd3a" providerId="ADAL" clId="{54326D88-4859-0849-AFD2-7BF8221993B8}" dt="2020-09-28T18:20:10.364" v="2260" actId="478"/>
          <ac:picMkLst>
            <pc:docMk/>
            <pc:sldMk cId="3866959094" sldId="276"/>
            <ac:picMk id="5" creationId="{13AE9025-AB40-1946-BB14-BCB1B5479C90}"/>
          </ac:picMkLst>
        </pc:picChg>
        <pc:picChg chg="add del mod">
          <ac:chgData name="Daly Donnacha HSLU I" userId="0f22e960-400a-43ff-baeb-4828c8f5cd3a" providerId="ADAL" clId="{54326D88-4859-0849-AFD2-7BF8221993B8}" dt="2020-09-28T14:15:00.281" v="1265" actId="478"/>
          <ac:picMkLst>
            <pc:docMk/>
            <pc:sldMk cId="3866959094" sldId="276"/>
            <ac:picMk id="6" creationId="{63BA0DDB-9AA1-8A49-9467-D0953820D1C2}"/>
          </ac:picMkLst>
        </pc:picChg>
        <pc:picChg chg="add del mod">
          <ac:chgData name="Daly Donnacha HSLU I" userId="0f22e960-400a-43ff-baeb-4828c8f5cd3a" providerId="ADAL" clId="{54326D88-4859-0849-AFD2-7BF8221993B8}" dt="2020-09-30T14:50:58.309" v="2744" actId="478"/>
          <ac:picMkLst>
            <pc:docMk/>
            <pc:sldMk cId="3866959094" sldId="276"/>
            <ac:picMk id="6" creationId="{973EACAC-06A8-5947-8126-EB1C2A5DF82A}"/>
          </ac:picMkLst>
        </pc:picChg>
        <pc:picChg chg="add del mod">
          <ac:chgData name="Daly Donnacha HSLU I" userId="0f22e960-400a-43ff-baeb-4828c8f5cd3a" providerId="ADAL" clId="{54326D88-4859-0849-AFD2-7BF8221993B8}" dt="2020-09-28T18:20:10.364" v="2260" actId="478"/>
          <ac:picMkLst>
            <pc:docMk/>
            <pc:sldMk cId="3866959094" sldId="276"/>
            <ac:picMk id="7" creationId="{1976C5B3-CFFC-9E42-AE79-BA1D7A040215}"/>
          </ac:picMkLst>
        </pc:picChg>
        <pc:picChg chg="add del mod">
          <ac:chgData name="Daly Donnacha HSLU I" userId="0f22e960-400a-43ff-baeb-4828c8f5cd3a" providerId="ADAL" clId="{54326D88-4859-0849-AFD2-7BF8221993B8}" dt="2020-09-28T14:17:26.561" v="1305" actId="478"/>
          <ac:picMkLst>
            <pc:docMk/>
            <pc:sldMk cId="3866959094" sldId="276"/>
            <ac:picMk id="9" creationId="{D0F46146-D70A-4441-A123-750F53779BF5}"/>
          </ac:picMkLst>
        </pc:picChg>
        <pc:picChg chg="add del mod">
          <ac:chgData name="Daly Donnacha HSLU I" userId="0f22e960-400a-43ff-baeb-4828c8f5cd3a" providerId="ADAL" clId="{54326D88-4859-0849-AFD2-7BF8221993B8}" dt="2020-09-28T18:20:10.364" v="2260" actId="478"/>
          <ac:picMkLst>
            <pc:docMk/>
            <pc:sldMk cId="3866959094" sldId="276"/>
            <ac:picMk id="10" creationId="{E360FB3F-669C-3740-815E-C987DF549E78}"/>
          </ac:picMkLst>
        </pc:picChg>
        <pc:picChg chg="add del mod">
          <ac:chgData name="Daly Donnacha HSLU I" userId="0f22e960-400a-43ff-baeb-4828c8f5cd3a" providerId="ADAL" clId="{54326D88-4859-0849-AFD2-7BF8221993B8}" dt="2020-09-28T14:18:10.194" v="1313" actId="478"/>
          <ac:picMkLst>
            <pc:docMk/>
            <pc:sldMk cId="3866959094" sldId="276"/>
            <ac:picMk id="12" creationId="{69E878EF-79EA-5943-9D60-2F09D2AD783C}"/>
          </ac:picMkLst>
        </pc:picChg>
        <pc:picChg chg="add del mod">
          <ac:chgData name="Daly Donnacha HSLU I" userId="0f22e960-400a-43ff-baeb-4828c8f5cd3a" providerId="ADAL" clId="{54326D88-4859-0849-AFD2-7BF8221993B8}" dt="2020-09-28T18:20:10.364" v="2260" actId="478"/>
          <ac:picMkLst>
            <pc:docMk/>
            <pc:sldMk cId="3866959094" sldId="276"/>
            <ac:picMk id="13" creationId="{2345FA13-32F3-6D42-A3E9-34A5651CB7FC}"/>
          </ac:picMkLst>
        </pc:picChg>
        <pc:picChg chg="add del mod">
          <ac:chgData name="Daly Donnacha HSLU I" userId="0f22e960-400a-43ff-baeb-4828c8f5cd3a" providerId="ADAL" clId="{54326D88-4859-0849-AFD2-7BF8221993B8}" dt="2020-09-28T14:20:08.267" v="1364" actId="478"/>
          <ac:picMkLst>
            <pc:docMk/>
            <pc:sldMk cId="3866959094" sldId="276"/>
            <ac:picMk id="15" creationId="{FA3BA516-C8FC-1449-B2E2-8408F2DEFD14}"/>
          </ac:picMkLst>
        </pc:picChg>
        <pc:picChg chg="add del mod">
          <ac:chgData name="Daly Donnacha HSLU I" userId="0f22e960-400a-43ff-baeb-4828c8f5cd3a" providerId="ADAL" clId="{54326D88-4859-0849-AFD2-7BF8221993B8}" dt="2020-09-28T18:20:10.364" v="2260" actId="478"/>
          <ac:picMkLst>
            <pc:docMk/>
            <pc:sldMk cId="3866959094" sldId="276"/>
            <ac:picMk id="16" creationId="{63103431-635E-034D-AA1B-DBBF9FD04245}"/>
          </ac:picMkLst>
        </pc:picChg>
      </pc:sldChg>
      <pc:sldChg chg="addSp delSp modSp add mod ord">
        <pc:chgData name="Daly Donnacha HSLU I" userId="0f22e960-400a-43ff-baeb-4828c8f5cd3a" providerId="ADAL" clId="{54326D88-4859-0849-AFD2-7BF8221993B8}" dt="2020-09-30T14:51:47.177" v="2749" actId="14100"/>
        <pc:sldMkLst>
          <pc:docMk/>
          <pc:sldMk cId="1185666152" sldId="277"/>
        </pc:sldMkLst>
        <pc:spChg chg="mod">
          <ac:chgData name="Daly Donnacha HSLU I" userId="0f22e960-400a-43ff-baeb-4828c8f5cd3a" providerId="ADAL" clId="{54326D88-4859-0849-AFD2-7BF8221993B8}" dt="2020-09-30T14:13:14.492" v="2653" actId="6549"/>
          <ac:spMkLst>
            <pc:docMk/>
            <pc:sldMk cId="1185666152" sldId="277"/>
            <ac:spMk id="2" creationId="{65172897-2705-C543-ABB6-B539F62DBC53}"/>
          </ac:spMkLst>
        </pc:spChg>
        <pc:picChg chg="del">
          <ac:chgData name="Daly Donnacha HSLU I" userId="0f22e960-400a-43ff-baeb-4828c8f5cd3a" providerId="ADAL" clId="{54326D88-4859-0849-AFD2-7BF8221993B8}" dt="2020-09-28T18:21:11.685" v="2262" actId="478"/>
          <ac:picMkLst>
            <pc:docMk/>
            <pc:sldMk cId="1185666152" sldId="277"/>
            <ac:picMk id="3" creationId="{757F0D08-5C07-3142-B056-39943C36F721}"/>
          </ac:picMkLst>
        </pc:picChg>
        <pc:picChg chg="add del mod modCrop">
          <ac:chgData name="Daly Donnacha HSLU I" userId="0f22e960-400a-43ff-baeb-4828c8f5cd3a" providerId="ADAL" clId="{54326D88-4859-0849-AFD2-7BF8221993B8}" dt="2020-09-28T18:21:11.685" v="2262" actId="478"/>
          <ac:picMkLst>
            <pc:docMk/>
            <pc:sldMk cId="1185666152" sldId="277"/>
            <ac:picMk id="4" creationId="{376F6072-7205-EA4F-AE65-30498E919589}"/>
          </ac:picMkLst>
        </pc:picChg>
        <pc:picChg chg="add mod">
          <ac:chgData name="Daly Donnacha HSLU I" userId="0f22e960-400a-43ff-baeb-4828c8f5cd3a" providerId="ADAL" clId="{54326D88-4859-0849-AFD2-7BF8221993B8}" dt="2020-09-30T14:51:47.177" v="2749" actId="14100"/>
          <ac:picMkLst>
            <pc:docMk/>
            <pc:sldMk cId="1185666152" sldId="277"/>
            <ac:picMk id="4" creationId="{F47D13E7-A8A9-364C-BFFD-561D8D2A765B}"/>
          </ac:picMkLst>
        </pc:picChg>
        <pc:picChg chg="add del mod modCrop">
          <ac:chgData name="Daly Donnacha HSLU I" userId="0f22e960-400a-43ff-baeb-4828c8f5cd3a" providerId="ADAL" clId="{54326D88-4859-0849-AFD2-7BF8221993B8}" dt="2020-09-28T12:58:00.956" v="1245" actId="478"/>
          <ac:picMkLst>
            <pc:docMk/>
            <pc:sldMk cId="1185666152" sldId="277"/>
            <ac:picMk id="5" creationId="{45691020-33F2-6A45-A09C-57A15EA01E61}"/>
          </ac:picMkLst>
        </pc:picChg>
        <pc:picChg chg="add del mod modCrop">
          <ac:chgData name="Daly Donnacha HSLU I" userId="0f22e960-400a-43ff-baeb-4828c8f5cd3a" providerId="ADAL" clId="{54326D88-4859-0849-AFD2-7BF8221993B8}" dt="2020-09-28T12:58:08.652" v="1247" actId="478"/>
          <ac:picMkLst>
            <pc:docMk/>
            <pc:sldMk cId="1185666152" sldId="277"/>
            <ac:picMk id="6" creationId="{33926DA3-5653-A640-8919-925918E8FB4B}"/>
          </ac:picMkLst>
        </pc:picChg>
        <pc:picChg chg="add del mod">
          <ac:chgData name="Daly Donnacha HSLU I" userId="0f22e960-400a-43ff-baeb-4828c8f5cd3a" providerId="ADAL" clId="{54326D88-4859-0849-AFD2-7BF8221993B8}" dt="2020-09-28T18:21:11.685" v="2262" actId="478"/>
          <ac:picMkLst>
            <pc:docMk/>
            <pc:sldMk cId="1185666152" sldId="277"/>
            <ac:picMk id="7" creationId="{056FEF43-7FBE-6642-A7FA-C986BC38170C}"/>
          </ac:picMkLst>
        </pc:picChg>
        <pc:picChg chg="add del mod modCrop">
          <ac:chgData name="Daly Donnacha HSLU I" userId="0f22e960-400a-43ff-baeb-4828c8f5cd3a" providerId="ADAL" clId="{54326D88-4859-0849-AFD2-7BF8221993B8}" dt="2020-09-28T18:21:11.685" v="2262" actId="478"/>
          <ac:picMkLst>
            <pc:docMk/>
            <pc:sldMk cId="1185666152" sldId="277"/>
            <ac:picMk id="8" creationId="{7D206987-0B33-A043-8DEB-B86AC869D6B7}"/>
          </ac:picMkLst>
        </pc:picChg>
        <pc:picChg chg="add del mod">
          <ac:chgData name="Daly Donnacha HSLU I" userId="0f22e960-400a-43ff-baeb-4828c8f5cd3a" providerId="ADAL" clId="{54326D88-4859-0849-AFD2-7BF8221993B8}" dt="2020-09-30T14:05:29.793" v="2581" actId="478"/>
          <ac:picMkLst>
            <pc:docMk/>
            <pc:sldMk cId="1185666152" sldId="277"/>
            <ac:picMk id="9" creationId="{BB65C1CA-9FDD-5544-B231-B22A3EFFD178}"/>
          </ac:picMkLst>
        </pc:picChg>
      </pc:sldChg>
      <pc:sldChg chg="del">
        <pc:chgData name="Daly Donnacha HSLU I" userId="0f22e960-400a-43ff-baeb-4828c8f5cd3a" providerId="ADAL" clId="{54326D88-4859-0849-AFD2-7BF8221993B8}" dt="2020-09-28T12:02:47.032" v="183" actId="2696"/>
        <pc:sldMkLst>
          <pc:docMk/>
          <pc:sldMk cId="1193448513" sldId="277"/>
        </pc:sldMkLst>
      </pc:sldChg>
      <pc:sldChg chg="modSp add del mod">
        <pc:chgData name="Daly Donnacha HSLU I" userId="0f22e960-400a-43ff-baeb-4828c8f5cd3a" providerId="ADAL" clId="{54326D88-4859-0849-AFD2-7BF8221993B8}" dt="2020-09-28T18:32:20.966" v="2498" actId="2696"/>
        <pc:sldMkLst>
          <pc:docMk/>
          <pc:sldMk cId="1263933708" sldId="278"/>
        </pc:sldMkLst>
        <pc:spChg chg="mod">
          <ac:chgData name="Daly Donnacha HSLU I" userId="0f22e960-400a-43ff-baeb-4828c8f5cd3a" providerId="ADAL" clId="{54326D88-4859-0849-AFD2-7BF8221993B8}" dt="2020-09-28T18:31:35.337" v="2382" actId="20577"/>
          <ac:spMkLst>
            <pc:docMk/>
            <pc:sldMk cId="1263933708" sldId="278"/>
            <ac:spMk id="2" creationId="{65172897-2705-C543-ABB6-B539F62DBC53}"/>
          </ac:spMkLst>
        </pc:spChg>
      </pc:sldChg>
      <pc:sldChg chg="add del">
        <pc:chgData name="Daly Donnacha HSLU I" userId="0f22e960-400a-43ff-baeb-4828c8f5cd3a" providerId="ADAL" clId="{54326D88-4859-0849-AFD2-7BF8221993B8}" dt="2020-09-28T12:59:24.356" v="1249" actId="2696"/>
        <pc:sldMkLst>
          <pc:docMk/>
          <pc:sldMk cId="1605209088" sldId="278"/>
        </pc:sldMkLst>
      </pc:sldChg>
      <pc:sldChg chg="del">
        <pc:chgData name="Daly Donnacha HSLU I" userId="0f22e960-400a-43ff-baeb-4828c8f5cd3a" providerId="ADAL" clId="{54326D88-4859-0849-AFD2-7BF8221993B8}" dt="2020-09-28T12:02:47.477" v="184" actId="2696"/>
        <pc:sldMkLst>
          <pc:docMk/>
          <pc:sldMk cId="1880687918" sldId="278"/>
        </pc:sldMkLst>
      </pc:sldChg>
      <pc:sldChg chg="addSp delSp modSp add mod">
        <pc:chgData name="Daly Donnacha HSLU I" userId="0f22e960-400a-43ff-baeb-4828c8f5cd3a" providerId="ADAL" clId="{54326D88-4859-0849-AFD2-7BF8221993B8}" dt="2020-09-30T15:06:31.816" v="3691" actId="14100"/>
        <pc:sldMkLst>
          <pc:docMk/>
          <pc:sldMk cId="2855209290" sldId="278"/>
        </pc:sldMkLst>
        <pc:spChg chg="add mod">
          <ac:chgData name="Daly Donnacha HSLU I" userId="0f22e960-400a-43ff-baeb-4828c8f5cd3a" providerId="ADAL" clId="{54326D88-4859-0849-AFD2-7BF8221993B8}" dt="2020-09-30T15:06:31.816" v="3691" actId="14100"/>
          <ac:spMkLst>
            <pc:docMk/>
            <pc:sldMk cId="2855209290" sldId="278"/>
            <ac:spMk id="7" creationId="{88378CDF-CEE6-F44C-8F5A-BFF5F3765848}"/>
          </ac:spMkLst>
        </pc:spChg>
        <pc:spChg chg="add mod">
          <ac:chgData name="Daly Donnacha HSLU I" userId="0f22e960-400a-43ff-baeb-4828c8f5cd3a" providerId="ADAL" clId="{54326D88-4859-0849-AFD2-7BF8221993B8}" dt="2020-09-30T15:05:46.427" v="3688" actId="14100"/>
          <ac:spMkLst>
            <pc:docMk/>
            <pc:sldMk cId="2855209290" sldId="278"/>
            <ac:spMk id="8" creationId="{6B5AC5B1-DA08-B242-9DAE-A5E562FF3826}"/>
          </ac:spMkLst>
        </pc:spChg>
        <pc:picChg chg="add del">
          <ac:chgData name="Daly Donnacha HSLU I" userId="0f22e960-400a-43ff-baeb-4828c8f5cd3a" providerId="ADAL" clId="{54326D88-4859-0849-AFD2-7BF8221993B8}" dt="2020-09-30T14:14:55.068" v="2664"/>
          <ac:picMkLst>
            <pc:docMk/>
            <pc:sldMk cId="2855209290" sldId="278"/>
            <ac:picMk id="3" creationId="{2478DB2C-D198-414F-8615-51D2274E763F}"/>
          </ac:picMkLst>
        </pc:picChg>
        <pc:picChg chg="add del mod">
          <ac:chgData name="Daly Donnacha HSLU I" userId="0f22e960-400a-43ff-baeb-4828c8f5cd3a" providerId="ADAL" clId="{54326D88-4859-0849-AFD2-7BF8221993B8}" dt="2020-09-28T18:40:09.790" v="2529" actId="478"/>
          <ac:picMkLst>
            <pc:docMk/>
            <pc:sldMk cId="2855209290" sldId="278"/>
            <ac:picMk id="3" creationId="{2C1EEDFA-528F-E641-9AEA-3EBCBFD1E3D8}"/>
          </ac:picMkLst>
        </pc:picChg>
        <pc:picChg chg="add del mod">
          <ac:chgData name="Daly Donnacha HSLU I" userId="0f22e960-400a-43ff-baeb-4828c8f5cd3a" providerId="ADAL" clId="{54326D88-4859-0849-AFD2-7BF8221993B8}" dt="2020-09-30T14:17:26.300" v="2674" actId="478"/>
          <ac:picMkLst>
            <pc:docMk/>
            <pc:sldMk cId="2855209290" sldId="278"/>
            <ac:picMk id="4" creationId="{104925B8-0681-4243-B0F9-650D6AF1CC6E}"/>
          </ac:picMkLst>
        </pc:picChg>
        <pc:picChg chg="del">
          <ac:chgData name="Daly Donnacha HSLU I" userId="0f22e960-400a-43ff-baeb-4828c8f5cd3a" providerId="ADAL" clId="{54326D88-4859-0849-AFD2-7BF8221993B8}" dt="2020-09-28T18:32:48.528" v="2510" actId="478"/>
          <ac:picMkLst>
            <pc:docMk/>
            <pc:sldMk cId="2855209290" sldId="278"/>
            <ac:picMk id="4" creationId="{2819310F-71B4-3F4D-9040-4023D4B63B7F}"/>
          </ac:picMkLst>
        </pc:picChg>
        <pc:picChg chg="add mod">
          <ac:chgData name="Daly Donnacha HSLU I" userId="0f22e960-400a-43ff-baeb-4828c8f5cd3a" providerId="ADAL" clId="{54326D88-4859-0849-AFD2-7BF8221993B8}" dt="2020-09-30T14:57:09.522" v="3113" actId="14100"/>
          <ac:picMkLst>
            <pc:docMk/>
            <pc:sldMk cId="2855209290" sldId="278"/>
            <ac:picMk id="5" creationId="{24EFBEE3-CF8D-9948-AC2A-F0B2E0849F6C}"/>
          </ac:picMkLst>
        </pc:picChg>
        <pc:picChg chg="add del mod">
          <ac:chgData name="Daly Donnacha HSLU I" userId="0f22e960-400a-43ff-baeb-4828c8f5cd3a" providerId="ADAL" clId="{54326D88-4859-0849-AFD2-7BF8221993B8}" dt="2020-09-28T18:48:40.638" v="2547" actId="478"/>
          <ac:picMkLst>
            <pc:docMk/>
            <pc:sldMk cId="2855209290" sldId="278"/>
            <ac:picMk id="5" creationId="{BB0A3863-30D4-714C-B3BF-C96BEFD70B4E}"/>
          </ac:picMkLst>
        </pc:picChg>
        <pc:picChg chg="add del mod">
          <ac:chgData name="Daly Donnacha HSLU I" userId="0f22e960-400a-43ff-baeb-4828c8f5cd3a" providerId="ADAL" clId="{54326D88-4859-0849-AFD2-7BF8221993B8}" dt="2020-09-30T14:14:19.723" v="2662" actId="478"/>
          <ac:picMkLst>
            <pc:docMk/>
            <pc:sldMk cId="2855209290" sldId="278"/>
            <ac:picMk id="6" creationId="{E87973AC-07D3-8441-B295-271D7912565D}"/>
          </ac:picMkLst>
        </pc:picChg>
      </pc:sldChg>
      <pc:sldChg chg="addSp delSp modSp add del mod">
        <pc:chgData name="Daly Donnacha HSLU I" userId="0f22e960-400a-43ff-baeb-4828c8f5cd3a" providerId="ADAL" clId="{54326D88-4859-0849-AFD2-7BF8221993B8}" dt="2020-09-28T18:31:20.516" v="2375" actId="2696"/>
        <pc:sldMkLst>
          <pc:docMk/>
          <pc:sldMk cId="3211879203" sldId="278"/>
        </pc:sldMkLst>
        <pc:spChg chg="mod">
          <ac:chgData name="Daly Donnacha HSLU I" userId="0f22e960-400a-43ff-baeb-4828c8f5cd3a" providerId="ADAL" clId="{54326D88-4859-0849-AFD2-7BF8221993B8}" dt="2020-09-28T14:49:26.056" v="2227" actId="20577"/>
          <ac:spMkLst>
            <pc:docMk/>
            <pc:sldMk cId="3211879203" sldId="278"/>
            <ac:spMk id="2" creationId="{65172897-2705-C543-ABB6-B539F62DBC53}"/>
          </ac:spMkLst>
        </pc:spChg>
        <pc:spChg chg="add del mod">
          <ac:chgData name="Daly Donnacha HSLU I" userId="0f22e960-400a-43ff-baeb-4828c8f5cd3a" providerId="ADAL" clId="{54326D88-4859-0849-AFD2-7BF8221993B8}" dt="2020-09-28T18:20:15.578" v="2261" actId="478"/>
          <ac:spMkLst>
            <pc:docMk/>
            <pc:sldMk cId="3211879203" sldId="278"/>
            <ac:spMk id="13" creationId="{0C6EB444-5689-2249-B69B-F435B15144A9}"/>
          </ac:spMkLst>
        </pc:spChg>
        <pc:spChg chg="del mod">
          <ac:chgData name="Daly Donnacha HSLU I" userId="0f22e960-400a-43ff-baeb-4828c8f5cd3a" providerId="ADAL" clId="{54326D88-4859-0849-AFD2-7BF8221993B8}" dt="2020-09-28T18:18:13.415" v="2252" actId="21"/>
          <ac:spMkLst>
            <pc:docMk/>
            <pc:sldMk cId="3211879203" sldId="278"/>
            <ac:spMk id="17" creationId="{52FF9FCD-24C5-5B44-8ECD-A9181A0B152C}"/>
          </ac:spMkLst>
        </pc:spChg>
        <pc:graphicFrameChg chg="add del mod">
          <ac:chgData name="Daly Donnacha HSLU I" userId="0f22e960-400a-43ff-baeb-4828c8f5cd3a" providerId="ADAL" clId="{54326D88-4859-0849-AFD2-7BF8221993B8}" dt="2020-09-28T14:29:19.757" v="1668"/>
          <ac:graphicFrameMkLst>
            <pc:docMk/>
            <pc:sldMk cId="3211879203" sldId="278"/>
            <ac:graphicFrameMk id="4" creationId="{44E4B9F6-4BE4-B848-B120-37A4FE69DA79}"/>
          </ac:graphicFrameMkLst>
        </pc:graphicFrameChg>
        <pc:graphicFrameChg chg="add del mod">
          <ac:chgData name="Daly Donnacha HSLU I" userId="0f22e960-400a-43ff-baeb-4828c8f5cd3a" providerId="ADAL" clId="{54326D88-4859-0849-AFD2-7BF8221993B8}" dt="2020-09-28T14:30:12.020" v="1677"/>
          <ac:graphicFrameMkLst>
            <pc:docMk/>
            <pc:sldMk cId="3211879203" sldId="278"/>
            <ac:graphicFrameMk id="8" creationId="{34DAA653-BEF9-6246-AAA8-6BFE00DA77A8}"/>
          </ac:graphicFrameMkLst>
        </pc:graphicFrameChg>
        <pc:graphicFrameChg chg="add del mod">
          <ac:chgData name="Daly Donnacha HSLU I" userId="0f22e960-400a-43ff-baeb-4828c8f5cd3a" providerId="ADAL" clId="{54326D88-4859-0849-AFD2-7BF8221993B8}" dt="2020-09-28T14:31:20.412" v="1688"/>
          <ac:graphicFrameMkLst>
            <pc:docMk/>
            <pc:sldMk cId="3211879203" sldId="278"/>
            <ac:graphicFrameMk id="14" creationId="{136D8BF8-386D-0B4F-B12A-CFC7D4F0EBEC}"/>
          </ac:graphicFrameMkLst>
        </pc:graphicFrameChg>
        <pc:graphicFrameChg chg="add del mod">
          <ac:chgData name="Daly Donnacha HSLU I" userId="0f22e960-400a-43ff-baeb-4828c8f5cd3a" providerId="ADAL" clId="{54326D88-4859-0849-AFD2-7BF8221993B8}" dt="2020-09-28T14:32:07.730" v="1695"/>
          <ac:graphicFrameMkLst>
            <pc:docMk/>
            <pc:sldMk cId="3211879203" sldId="278"/>
            <ac:graphicFrameMk id="20" creationId="{946FB17C-79F9-4041-A433-E4D37C682AC3}"/>
          </ac:graphicFrameMkLst>
        </pc:graphicFrameChg>
        <pc:graphicFrameChg chg="add del mod">
          <ac:chgData name="Daly Donnacha HSLU I" userId="0f22e960-400a-43ff-baeb-4828c8f5cd3a" providerId="ADAL" clId="{54326D88-4859-0849-AFD2-7BF8221993B8}" dt="2020-09-28T14:32:41.750" v="1702"/>
          <ac:graphicFrameMkLst>
            <pc:docMk/>
            <pc:sldMk cId="3211879203" sldId="278"/>
            <ac:graphicFrameMk id="23" creationId="{206E7D41-DA23-5B43-8D2B-BB93F60E9750}"/>
          </ac:graphicFrameMkLst>
        </pc:graphicFrameChg>
        <pc:graphicFrameChg chg="add del mod">
          <ac:chgData name="Daly Donnacha HSLU I" userId="0f22e960-400a-43ff-baeb-4828c8f5cd3a" providerId="ADAL" clId="{54326D88-4859-0849-AFD2-7BF8221993B8}" dt="2020-09-28T14:33:31.218" v="1707"/>
          <ac:graphicFrameMkLst>
            <pc:docMk/>
            <pc:sldMk cId="3211879203" sldId="278"/>
            <ac:graphicFrameMk id="25" creationId="{193CD102-AD79-D744-8221-20D742E75783}"/>
          </ac:graphicFrameMkLst>
        </pc:graphicFrameChg>
        <pc:graphicFrameChg chg="add del mod">
          <ac:chgData name="Daly Donnacha HSLU I" userId="0f22e960-400a-43ff-baeb-4828c8f5cd3a" providerId="ADAL" clId="{54326D88-4859-0849-AFD2-7BF8221993B8}" dt="2020-09-28T14:34:55.007" v="1719"/>
          <ac:graphicFrameMkLst>
            <pc:docMk/>
            <pc:sldMk cId="3211879203" sldId="278"/>
            <ac:graphicFrameMk id="29" creationId="{E6603AE0-EB2A-3145-9746-4EBA4039AD89}"/>
          </ac:graphicFrameMkLst>
        </pc:graphicFrameChg>
        <pc:picChg chg="del">
          <ac:chgData name="Daly Donnacha HSLU I" userId="0f22e960-400a-43ff-baeb-4828c8f5cd3a" providerId="ADAL" clId="{54326D88-4859-0849-AFD2-7BF8221993B8}" dt="2020-09-28T18:20:15.578" v="2261" actId="478"/>
          <ac:picMkLst>
            <pc:docMk/>
            <pc:sldMk cId="3211879203" sldId="278"/>
            <ac:picMk id="3" creationId="{757F0D08-5C07-3142-B056-39943C36F721}"/>
          </ac:picMkLst>
        </pc:picChg>
        <pc:picChg chg="del">
          <ac:chgData name="Daly Donnacha HSLU I" userId="0f22e960-400a-43ff-baeb-4828c8f5cd3a" providerId="ADAL" clId="{54326D88-4859-0849-AFD2-7BF8221993B8}" dt="2020-09-28T14:50:59.337" v="2242" actId="478"/>
          <ac:picMkLst>
            <pc:docMk/>
            <pc:sldMk cId="3211879203" sldId="278"/>
            <ac:picMk id="5" creationId="{13AE9025-AB40-1946-BB14-BCB1B5479C90}"/>
          </ac:picMkLst>
        </pc:picChg>
        <pc:picChg chg="add del mod">
          <ac:chgData name="Daly Donnacha HSLU I" userId="0f22e960-400a-43ff-baeb-4828c8f5cd3a" providerId="ADAL" clId="{54326D88-4859-0849-AFD2-7BF8221993B8}" dt="2020-09-28T14:29:52.529" v="1675" actId="478"/>
          <ac:picMkLst>
            <pc:docMk/>
            <pc:sldMk cId="3211879203" sldId="278"/>
            <ac:picMk id="6" creationId="{69B2A1CE-F1A7-6346-A6A2-B1D28E99C222}"/>
          </ac:picMkLst>
        </pc:picChg>
        <pc:picChg chg="del">
          <ac:chgData name="Daly Donnacha HSLU I" userId="0f22e960-400a-43ff-baeb-4828c8f5cd3a" providerId="ADAL" clId="{54326D88-4859-0849-AFD2-7BF8221993B8}" dt="2020-09-28T14:27:40.583" v="1666" actId="478"/>
          <ac:picMkLst>
            <pc:docMk/>
            <pc:sldMk cId="3211879203" sldId="278"/>
            <ac:picMk id="7" creationId="{1976C5B3-CFFC-9E42-AE79-BA1D7A040215}"/>
          </ac:picMkLst>
        </pc:picChg>
        <pc:picChg chg="add del mod">
          <ac:chgData name="Daly Donnacha HSLU I" userId="0f22e960-400a-43ff-baeb-4828c8f5cd3a" providerId="ADAL" clId="{54326D88-4859-0849-AFD2-7BF8221993B8}" dt="2020-09-28T14:30:26.729" v="1682" actId="478"/>
          <ac:picMkLst>
            <pc:docMk/>
            <pc:sldMk cId="3211879203" sldId="278"/>
            <ac:picMk id="9" creationId="{31BB6258-467D-C440-BF01-C6F4527270C6}"/>
          </ac:picMkLst>
        </pc:picChg>
        <pc:picChg chg="del">
          <ac:chgData name="Daly Donnacha HSLU I" userId="0f22e960-400a-43ff-baeb-4828c8f5cd3a" providerId="ADAL" clId="{54326D88-4859-0849-AFD2-7BF8221993B8}" dt="2020-09-28T14:27:31.087" v="1664" actId="478"/>
          <ac:picMkLst>
            <pc:docMk/>
            <pc:sldMk cId="3211879203" sldId="278"/>
            <ac:picMk id="10" creationId="{E360FB3F-669C-3740-815E-C987DF549E78}"/>
          </ac:picMkLst>
        </pc:picChg>
        <pc:picChg chg="add del mod">
          <ac:chgData name="Daly Donnacha HSLU I" userId="0f22e960-400a-43ff-baeb-4828c8f5cd3a" providerId="ADAL" clId="{54326D88-4859-0849-AFD2-7BF8221993B8}" dt="2020-09-28T14:51:15.119" v="2245" actId="478"/>
          <ac:picMkLst>
            <pc:docMk/>
            <pc:sldMk cId="3211879203" sldId="278"/>
            <ac:picMk id="11" creationId="{AD61C089-206A-944B-AB16-CF1AC1BB23C5}"/>
          </ac:picMkLst>
        </pc:picChg>
        <pc:picChg chg="add del mod">
          <ac:chgData name="Daly Donnacha HSLU I" userId="0f22e960-400a-43ff-baeb-4828c8f5cd3a" providerId="ADAL" clId="{54326D88-4859-0849-AFD2-7BF8221993B8}" dt="2020-09-28T18:20:15.578" v="2261" actId="478"/>
          <ac:picMkLst>
            <pc:docMk/>
            <pc:sldMk cId="3211879203" sldId="278"/>
            <ac:picMk id="12" creationId="{BAD43749-BB21-304D-80D7-FDFDB79174BA}"/>
          </ac:picMkLst>
        </pc:picChg>
        <pc:picChg chg="del mod">
          <ac:chgData name="Daly Donnacha HSLU I" userId="0f22e960-400a-43ff-baeb-4828c8f5cd3a" providerId="ADAL" clId="{54326D88-4859-0849-AFD2-7BF8221993B8}" dt="2020-09-28T14:51:09.695" v="2243" actId="478"/>
          <ac:picMkLst>
            <pc:docMk/>
            <pc:sldMk cId="3211879203" sldId="278"/>
            <ac:picMk id="13" creationId="{2345FA13-32F3-6D42-A3E9-34A5651CB7FC}"/>
          </ac:picMkLst>
        </pc:picChg>
        <pc:picChg chg="add del mod">
          <ac:chgData name="Daly Donnacha HSLU I" userId="0f22e960-400a-43ff-baeb-4828c8f5cd3a" providerId="ADAL" clId="{54326D88-4859-0849-AFD2-7BF8221993B8}" dt="2020-09-28T14:51:12.488" v="2244" actId="478"/>
          <ac:picMkLst>
            <pc:docMk/>
            <pc:sldMk cId="3211879203" sldId="278"/>
            <ac:picMk id="15" creationId="{0FB45ED6-6AA1-CE43-94C2-6E8539FD1D1C}"/>
          </ac:picMkLst>
        </pc:picChg>
        <pc:picChg chg="del">
          <ac:chgData name="Daly Donnacha HSLU I" userId="0f22e960-400a-43ff-baeb-4828c8f5cd3a" providerId="ADAL" clId="{54326D88-4859-0849-AFD2-7BF8221993B8}" dt="2020-09-28T14:27:36.812" v="1665" actId="478"/>
          <ac:picMkLst>
            <pc:docMk/>
            <pc:sldMk cId="3211879203" sldId="278"/>
            <ac:picMk id="16" creationId="{63103431-635E-034D-AA1B-DBBF9FD04245}"/>
          </ac:picMkLst>
        </pc:picChg>
        <pc:picChg chg="add del mod">
          <ac:chgData name="Daly Donnacha HSLU I" userId="0f22e960-400a-43ff-baeb-4828c8f5cd3a" providerId="ADAL" clId="{54326D88-4859-0849-AFD2-7BF8221993B8}" dt="2020-09-28T14:31:37.466" v="1693" actId="478"/>
          <ac:picMkLst>
            <pc:docMk/>
            <pc:sldMk cId="3211879203" sldId="278"/>
            <ac:picMk id="18" creationId="{8F2E7859-1FC8-2241-BCB0-10A4646520F0}"/>
          </ac:picMkLst>
        </pc:picChg>
        <pc:picChg chg="add del mod">
          <ac:chgData name="Daly Donnacha HSLU I" userId="0f22e960-400a-43ff-baeb-4828c8f5cd3a" providerId="ADAL" clId="{54326D88-4859-0849-AFD2-7BF8221993B8}" dt="2020-09-28T18:20:15.578" v="2261" actId="478"/>
          <ac:picMkLst>
            <pc:docMk/>
            <pc:sldMk cId="3211879203" sldId="278"/>
            <ac:picMk id="19" creationId="{4985BDD7-3A2A-DA4F-B517-B66CFDBE6715}"/>
          </ac:picMkLst>
        </pc:picChg>
        <pc:picChg chg="add del mod">
          <ac:chgData name="Daly Donnacha HSLU I" userId="0f22e960-400a-43ff-baeb-4828c8f5cd3a" providerId="ADAL" clId="{54326D88-4859-0849-AFD2-7BF8221993B8}" dt="2020-09-28T14:32:22.546" v="1700" actId="478"/>
          <ac:picMkLst>
            <pc:docMk/>
            <pc:sldMk cId="3211879203" sldId="278"/>
            <ac:picMk id="21" creationId="{54191F69-FE55-0A4B-AE87-62D35DB6A1D5}"/>
          </ac:picMkLst>
        </pc:picChg>
        <pc:picChg chg="add del mod">
          <ac:chgData name="Daly Donnacha HSLU I" userId="0f22e960-400a-43ff-baeb-4828c8f5cd3a" providerId="ADAL" clId="{54326D88-4859-0849-AFD2-7BF8221993B8}" dt="2020-09-28T18:20:15.578" v="2261" actId="478"/>
          <ac:picMkLst>
            <pc:docMk/>
            <pc:sldMk cId="3211879203" sldId="278"/>
            <ac:picMk id="22" creationId="{7DF0A02A-5CA4-1748-B40C-0716BDE2C231}"/>
          </ac:picMkLst>
        </pc:picChg>
        <pc:picChg chg="add del mod">
          <ac:chgData name="Daly Donnacha HSLU I" userId="0f22e960-400a-43ff-baeb-4828c8f5cd3a" providerId="ADAL" clId="{54326D88-4859-0849-AFD2-7BF8221993B8}" dt="2020-09-28T18:20:15.578" v="2261" actId="478"/>
          <ac:picMkLst>
            <pc:docMk/>
            <pc:sldMk cId="3211879203" sldId="278"/>
            <ac:picMk id="24" creationId="{68BF0A50-471A-EA4E-A891-EEF19F1DA8D2}"/>
          </ac:picMkLst>
        </pc:picChg>
        <pc:picChg chg="add del mod">
          <ac:chgData name="Daly Donnacha HSLU I" userId="0f22e960-400a-43ff-baeb-4828c8f5cd3a" providerId="ADAL" clId="{54326D88-4859-0849-AFD2-7BF8221993B8}" dt="2020-09-28T14:34:04.875" v="1714" actId="478"/>
          <ac:picMkLst>
            <pc:docMk/>
            <pc:sldMk cId="3211879203" sldId="278"/>
            <ac:picMk id="26" creationId="{4326AF8C-4873-B24F-B0F3-E5A090F05E06}"/>
          </ac:picMkLst>
        </pc:picChg>
        <pc:picChg chg="add del mod">
          <ac:chgData name="Daly Donnacha HSLU I" userId="0f22e960-400a-43ff-baeb-4828c8f5cd3a" providerId="ADAL" clId="{54326D88-4859-0849-AFD2-7BF8221993B8}" dt="2020-09-28T18:20:15.578" v="2261" actId="478"/>
          <ac:picMkLst>
            <pc:docMk/>
            <pc:sldMk cId="3211879203" sldId="278"/>
            <ac:picMk id="27" creationId="{2FF2FA18-5252-CC4C-ADFE-3C0D2184DA4A}"/>
          </ac:picMkLst>
        </pc:picChg>
        <pc:picChg chg="add del mod">
          <ac:chgData name="Daly Donnacha HSLU I" userId="0f22e960-400a-43ff-baeb-4828c8f5cd3a" providerId="ADAL" clId="{54326D88-4859-0849-AFD2-7BF8221993B8}" dt="2020-09-28T18:20:15.578" v="2261" actId="478"/>
          <ac:picMkLst>
            <pc:docMk/>
            <pc:sldMk cId="3211879203" sldId="278"/>
            <ac:picMk id="28" creationId="{DFBAF98C-2D4C-D742-8205-BB1140A74E03}"/>
          </ac:picMkLst>
        </pc:picChg>
        <pc:picChg chg="add del mod">
          <ac:chgData name="Daly Donnacha HSLU I" userId="0f22e960-400a-43ff-baeb-4828c8f5cd3a" providerId="ADAL" clId="{54326D88-4859-0849-AFD2-7BF8221993B8}" dt="2020-09-28T14:35:10.371" v="1724" actId="478"/>
          <ac:picMkLst>
            <pc:docMk/>
            <pc:sldMk cId="3211879203" sldId="278"/>
            <ac:picMk id="30" creationId="{D8ABCA78-8191-5B45-B3CB-3EE33EE9BC03}"/>
          </ac:picMkLst>
        </pc:picChg>
        <pc:picChg chg="add del mod">
          <ac:chgData name="Daly Donnacha HSLU I" userId="0f22e960-400a-43ff-baeb-4828c8f5cd3a" providerId="ADAL" clId="{54326D88-4859-0849-AFD2-7BF8221993B8}" dt="2020-09-28T18:20:15.578" v="2261" actId="478"/>
          <ac:picMkLst>
            <pc:docMk/>
            <pc:sldMk cId="3211879203" sldId="278"/>
            <ac:picMk id="31" creationId="{90C130AC-B573-8847-BBFC-927A9E8FA0A6}"/>
          </ac:picMkLst>
        </pc:picChg>
      </pc:sldChg>
      <pc:sldChg chg="add del">
        <pc:chgData name="Daly Donnacha HSLU I" userId="0f22e960-400a-43ff-baeb-4828c8f5cd3a" providerId="ADAL" clId="{54326D88-4859-0849-AFD2-7BF8221993B8}" dt="2020-09-28T12:59:24.490" v="1250" actId="2696"/>
        <pc:sldMkLst>
          <pc:docMk/>
          <pc:sldMk cId="1313935176" sldId="279"/>
        </pc:sldMkLst>
      </pc:sldChg>
      <pc:sldChg chg="del">
        <pc:chgData name="Daly Donnacha HSLU I" userId="0f22e960-400a-43ff-baeb-4828c8f5cd3a" providerId="ADAL" clId="{54326D88-4859-0849-AFD2-7BF8221993B8}" dt="2020-09-28T12:02:49.618" v="187" actId="2696"/>
        <pc:sldMkLst>
          <pc:docMk/>
          <pc:sldMk cId="1624036436" sldId="279"/>
        </pc:sldMkLst>
      </pc:sldChg>
      <pc:sldChg chg="addSp delSp modSp add del mod">
        <pc:chgData name="Daly Donnacha HSLU I" userId="0f22e960-400a-43ff-baeb-4828c8f5cd3a" providerId="ADAL" clId="{54326D88-4859-0849-AFD2-7BF8221993B8}" dt="2020-09-30T15:06:37.719" v="3692" actId="14100"/>
        <pc:sldMkLst>
          <pc:docMk/>
          <pc:sldMk cId="3604923640" sldId="279"/>
        </pc:sldMkLst>
        <pc:spChg chg="mod">
          <ac:chgData name="Daly Donnacha HSLU I" userId="0f22e960-400a-43ff-baeb-4828c8f5cd3a" providerId="ADAL" clId="{54326D88-4859-0849-AFD2-7BF8221993B8}" dt="2020-09-28T18:40:45.813" v="2539" actId="20577"/>
          <ac:spMkLst>
            <pc:docMk/>
            <pc:sldMk cId="3604923640" sldId="279"/>
            <ac:spMk id="2" creationId="{65172897-2705-C543-ABB6-B539F62DBC53}"/>
          </ac:spMkLst>
        </pc:spChg>
        <pc:spChg chg="add mod">
          <ac:chgData name="Daly Donnacha HSLU I" userId="0f22e960-400a-43ff-baeb-4828c8f5cd3a" providerId="ADAL" clId="{54326D88-4859-0849-AFD2-7BF8221993B8}" dt="2020-09-30T15:06:37.719" v="3692" actId="14100"/>
          <ac:spMkLst>
            <pc:docMk/>
            <pc:sldMk cId="3604923640" sldId="279"/>
            <ac:spMk id="6" creationId="{9CFA751B-2EA3-7E4E-BE4A-EC2123C86C7B}"/>
          </ac:spMkLst>
        </pc:spChg>
        <pc:spChg chg="add del mod">
          <ac:chgData name="Daly Donnacha HSLU I" userId="0f22e960-400a-43ff-baeb-4828c8f5cd3a" providerId="ADAL" clId="{54326D88-4859-0849-AFD2-7BF8221993B8}" dt="2020-09-30T15:00:28.996" v="3255" actId="21"/>
          <ac:spMkLst>
            <pc:docMk/>
            <pc:sldMk cId="3604923640" sldId="279"/>
            <ac:spMk id="7" creationId="{1B7481B5-5AD0-E345-9FD1-195A5C312593}"/>
          </ac:spMkLst>
        </pc:spChg>
        <pc:picChg chg="add del mod">
          <ac:chgData name="Daly Donnacha HSLU I" userId="0f22e960-400a-43ff-baeb-4828c8f5cd3a" providerId="ADAL" clId="{54326D88-4859-0849-AFD2-7BF8221993B8}" dt="2020-09-30T14:44:46.946" v="2720" actId="478"/>
          <ac:picMkLst>
            <pc:docMk/>
            <pc:sldMk cId="3604923640" sldId="279"/>
            <ac:picMk id="3" creationId="{60127AAC-26D3-A24A-9ACD-B585991DD3FE}"/>
          </ac:picMkLst>
        </pc:picChg>
        <pc:picChg chg="add del mod">
          <ac:chgData name="Daly Donnacha HSLU I" userId="0f22e960-400a-43ff-baeb-4828c8f5cd3a" providerId="ADAL" clId="{54326D88-4859-0849-AFD2-7BF8221993B8}" dt="2020-09-28T18:48:05.269" v="2544" actId="478"/>
          <ac:picMkLst>
            <pc:docMk/>
            <pc:sldMk cId="3604923640" sldId="279"/>
            <ac:picMk id="3" creationId="{BBEF161F-03CA-984F-AED7-41FDD0FCA2C3}"/>
          </ac:picMkLst>
        </pc:picChg>
        <pc:picChg chg="add del mod">
          <ac:chgData name="Daly Donnacha HSLU I" userId="0f22e960-400a-43ff-baeb-4828c8f5cd3a" providerId="ADAL" clId="{54326D88-4859-0849-AFD2-7BF8221993B8}" dt="2020-09-30T14:18:58.445" v="2681" actId="478"/>
          <ac:picMkLst>
            <pc:docMk/>
            <pc:sldMk cId="3604923640" sldId="279"/>
            <ac:picMk id="4" creationId="{AB2FFD4E-636D-BF4B-9031-AAA6208A27D5}"/>
          </ac:picMkLst>
        </pc:picChg>
        <pc:picChg chg="add mod">
          <ac:chgData name="Daly Donnacha HSLU I" userId="0f22e960-400a-43ff-baeb-4828c8f5cd3a" providerId="ADAL" clId="{54326D88-4859-0849-AFD2-7BF8221993B8}" dt="2020-09-30T14:57:18.869" v="3115" actId="14100"/>
          <ac:picMkLst>
            <pc:docMk/>
            <pc:sldMk cId="3604923640" sldId="279"/>
            <ac:picMk id="5" creationId="{99B49FCA-4A18-8049-AF14-39F75AED4ACE}"/>
          </ac:picMkLst>
        </pc:picChg>
      </pc:sldChg>
      <pc:sldChg chg="addSp modSp add del mod ord">
        <pc:chgData name="Daly Donnacha HSLU I" userId="0f22e960-400a-43ff-baeb-4828c8f5cd3a" providerId="ADAL" clId="{54326D88-4859-0849-AFD2-7BF8221993B8}" dt="2020-09-30T14:51:15.752" v="2746" actId="2696"/>
        <pc:sldMkLst>
          <pc:docMk/>
          <pc:sldMk cId="354576492" sldId="280"/>
        </pc:sldMkLst>
        <pc:spChg chg="mod">
          <ac:chgData name="Daly Donnacha HSLU I" userId="0f22e960-400a-43ff-baeb-4828c8f5cd3a" providerId="ADAL" clId="{54326D88-4859-0849-AFD2-7BF8221993B8}" dt="2020-09-28T18:49:25.111" v="2553" actId="20577"/>
          <ac:spMkLst>
            <pc:docMk/>
            <pc:sldMk cId="354576492" sldId="280"/>
            <ac:spMk id="2" creationId="{65172897-2705-C543-ABB6-B539F62DBC53}"/>
          </ac:spMkLst>
        </pc:spChg>
        <pc:picChg chg="add mod">
          <ac:chgData name="Daly Donnacha HSLU I" userId="0f22e960-400a-43ff-baeb-4828c8f5cd3a" providerId="ADAL" clId="{54326D88-4859-0849-AFD2-7BF8221993B8}" dt="2020-09-28T18:42:11.591" v="2543" actId="1076"/>
          <ac:picMkLst>
            <pc:docMk/>
            <pc:sldMk cId="354576492" sldId="280"/>
            <ac:picMk id="3" creationId="{F175EC36-48E8-5548-8E9E-EDF9177C8171}"/>
          </ac:picMkLst>
        </pc:picChg>
      </pc:sldChg>
      <pc:sldChg chg="del">
        <pc:chgData name="Daly Donnacha HSLU I" userId="0f22e960-400a-43ff-baeb-4828c8f5cd3a" providerId="ADAL" clId="{54326D88-4859-0849-AFD2-7BF8221993B8}" dt="2020-09-28T12:02:48.741" v="186" actId="2696"/>
        <pc:sldMkLst>
          <pc:docMk/>
          <pc:sldMk cId="775423697" sldId="280"/>
        </pc:sldMkLst>
      </pc:sldChg>
      <pc:sldChg chg="del">
        <pc:chgData name="Daly Donnacha HSLU I" userId="0f22e960-400a-43ff-baeb-4828c8f5cd3a" providerId="ADAL" clId="{54326D88-4859-0849-AFD2-7BF8221993B8}" dt="2020-09-28T12:02:48.248" v="185" actId="2696"/>
        <pc:sldMkLst>
          <pc:docMk/>
          <pc:sldMk cId="3738601397" sldId="281"/>
        </pc:sldMkLst>
      </pc:sldChg>
      <pc:sldChg chg="modSp add del mod">
        <pc:chgData name="Daly Donnacha HSLU I" userId="0f22e960-400a-43ff-baeb-4828c8f5cd3a" providerId="ADAL" clId="{54326D88-4859-0849-AFD2-7BF8221993B8}" dt="2020-09-28T18:49:36.149" v="2556" actId="2696"/>
        <pc:sldMkLst>
          <pc:docMk/>
          <pc:sldMk cId="3929688711" sldId="281"/>
        </pc:sldMkLst>
        <pc:spChg chg="mod">
          <ac:chgData name="Daly Donnacha HSLU I" userId="0f22e960-400a-43ff-baeb-4828c8f5cd3a" providerId="ADAL" clId="{54326D88-4859-0849-AFD2-7BF8221993B8}" dt="2020-09-28T18:49:29.087" v="2555" actId="20577"/>
          <ac:spMkLst>
            <pc:docMk/>
            <pc:sldMk cId="3929688711" sldId="281"/>
            <ac:spMk id="2" creationId="{65172897-2705-C543-ABB6-B539F62DBC53}"/>
          </ac:spMkLst>
        </pc:spChg>
      </pc:sldChg>
      <pc:sldChg chg="addSp modSp add del mod ord">
        <pc:chgData name="Daly Donnacha HSLU I" userId="0f22e960-400a-43ff-baeb-4828c8f5cd3a" providerId="ADAL" clId="{54326D88-4859-0849-AFD2-7BF8221993B8}" dt="2020-09-30T14:51:16.170" v="2747" actId="2696"/>
        <pc:sldMkLst>
          <pc:docMk/>
          <pc:sldMk cId="645534740" sldId="282"/>
        </pc:sldMkLst>
        <pc:spChg chg="mod">
          <ac:chgData name="Daly Donnacha HSLU I" userId="0f22e960-400a-43ff-baeb-4828c8f5cd3a" providerId="ADAL" clId="{54326D88-4859-0849-AFD2-7BF8221993B8}" dt="2020-09-28T18:49:48.581" v="2568" actId="20577"/>
          <ac:spMkLst>
            <pc:docMk/>
            <pc:sldMk cId="645534740" sldId="282"/>
            <ac:spMk id="2" creationId="{65172897-2705-C543-ABB6-B539F62DBC53}"/>
          </ac:spMkLst>
        </pc:spChg>
        <pc:picChg chg="add mod">
          <ac:chgData name="Daly Donnacha HSLU I" userId="0f22e960-400a-43ff-baeb-4828c8f5cd3a" providerId="ADAL" clId="{54326D88-4859-0849-AFD2-7BF8221993B8}" dt="2020-09-28T18:39:07.190" v="2523" actId="1076"/>
          <ac:picMkLst>
            <pc:docMk/>
            <pc:sldMk cId="645534740" sldId="282"/>
            <ac:picMk id="3" creationId="{4546C3F9-83EF-F64F-A312-BDFA2C4000B0}"/>
          </ac:picMkLst>
        </pc:picChg>
      </pc:sldChg>
      <pc:sldChg chg="del">
        <pc:chgData name="Daly Donnacha HSLU I" userId="0f22e960-400a-43ff-baeb-4828c8f5cd3a" providerId="ADAL" clId="{54326D88-4859-0849-AFD2-7BF8221993B8}" dt="2020-09-28T12:02:53.573" v="188" actId="2696"/>
        <pc:sldMkLst>
          <pc:docMk/>
          <pc:sldMk cId="3212697389" sldId="282"/>
        </pc:sldMkLst>
      </pc:sldChg>
      <pc:sldChg chg="modSp add del mod">
        <pc:chgData name="Daly Donnacha HSLU I" userId="0f22e960-400a-43ff-baeb-4828c8f5cd3a" providerId="ADAL" clId="{54326D88-4859-0849-AFD2-7BF8221993B8}" dt="2020-09-30T14:51:18.304" v="2748" actId="2696"/>
        <pc:sldMkLst>
          <pc:docMk/>
          <pc:sldMk cId="3924594739" sldId="363"/>
        </pc:sldMkLst>
        <pc:spChg chg="mod">
          <ac:chgData name="Daly Donnacha HSLU I" userId="0f22e960-400a-43ff-baeb-4828c8f5cd3a" providerId="ADAL" clId="{54326D88-4859-0849-AFD2-7BF8221993B8}" dt="2020-09-30T14:09:57.106" v="2612" actId="20577"/>
          <ac:spMkLst>
            <pc:docMk/>
            <pc:sldMk cId="3924594739" sldId="363"/>
            <ac:spMk id="2" creationId="{87C93AB2-5180-0F42-8809-5F4223E01863}"/>
          </ac:spMkLst>
        </pc:spChg>
        <pc:spChg chg="mod">
          <ac:chgData name="Daly Donnacha HSLU I" userId="0f22e960-400a-43ff-baeb-4828c8f5cd3a" providerId="ADAL" clId="{54326D88-4859-0849-AFD2-7BF8221993B8}" dt="2020-09-30T14:10:22.280" v="2632" actId="255"/>
          <ac:spMkLst>
            <pc:docMk/>
            <pc:sldMk cId="3924594739" sldId="363"/>
            <ac:spMk id="3" creationId="{05F59C0A-B97A-3949-B748-6C5C863057E1}"/>
          </ac:spMkLst>
        </pc:spChg>
      </pc:sldChg>
      <pc:sldChg chg="addSp delSp modSp add del mod">
        <pc:chgData name="Daly Donnacha HSLU I" userId="0f22e960-400a-43ff-baeb-4828c8f5cd3a" providerId="ADAL" clId="{54326D88-4859-0849-AFD2-7BF8221993B8}" dt="2020-09-30T15:11:45.433" v="3919" actId="20577"/>
        <pc:sldMkLst>
          <pc:docMk/>
          <pc:sldMk cId="1948903573" sldId="364"/>
        </pc:sldMkLst>
        <pc:spChg chg="mod">
          <ac:chgData name="Daly Donnacha HSLU I" userId="0f22e960-400a-43ff-baeb-4828c8f5cd3a" providerId="ADAL" clId="{54326D88-4859-0849-AFD2-7BF8221993B8}" dt="2020-09-30T14:22:58.489" v="2705" actId="20577"/>
          <ac:spMkLst>
            <pc:docMk/>
            <pc:sldMk cId="1948903573" sldId="364"/>
            <ac:spMk id="2" creationId="{65172897-2705-C543-ABB6-B539F62DBC53}"/>
          </ac:spMkLst>
        </pc:spChg>
        <pc:spChg chg="add mod">
          <ac:chgData name="Daly Donnacha HSLU I" userId="0f22e960-400a-43ff-baeb-4828c8f5cd3a" providerId="ADAL" clId="{54326D88-4859-0849-AFD2-7BF8221993B8}" dt="2020-09-30T15:11:45.433" v="3919" actId="20577"/>
          <ac:spMkLst>
            <pc:docMk/>
            <pc:sldMk cId="1948903573" sldId="364"/>
            <ac:spMk id="9" creationId="{FF144223-07CD-CF41-A63D-2AC52B88989B}"/>
          </ac:spMkLst>
        </pc:spChg>
        <pc:picChg chg="add del mod">
          <ac:chgData name="Daly Donnacha HSLU I" userId="0f22e960-400a-43ff-baeb-4828c8f5cd3a" providerId="ADAL" clId="{54326D88-4859-0849-AFD2-7BF8221993B8}" dt="2020-09-30T14:43:49.945" v="2714" actId="478"/>
          <ac:picMkLst>
            <pc:docMk/>
            <pc:sldMk cId="1948903573" sldId="364"/>
            <ac:picMk id="3" creationId="{540ED260-F986-C44A-9592-A402CEFDAA9F}"/>
          </ac:picMkLst>
        </pc:picChg>
        <pc:picChg chg="add del mod">
          <ac:chgData name="Daly Donnacha HSLU I" userId="0f22e960-400a-43ff-baeb-4828c8f5cd3a" providerId="ADAL" clId="{54326D88-4859-0849-AFD2-7BF8221993B8}" dt="2020-09-30T14:44:50.022" v="2721" actId="478"/>
          <ac:picMkLst>
            <pc:docMk/>
            <pc:sldMk cId="1948903573" sldId="364"/>
            <ac:picMk id="4" creationId="{79DBBF17-050B-AE45-AE6A-0ED854DB50E5}"/>
          </ac:picMkLst>
        </pc:picChg>
        <pc:picChg chg="del">
          <ac:chgData name="Daly Donnacha HSLU I" userId="0f22e960-400a-43ff-baeb-4828c8f5cd3a" providerId="ADAL" clId="{54326D88-4859-0849-AFD2-7BF8221993B8}" dt="2020-09-30T14:22:52.832" v="2701" actId="478"/>
          <ac:picMkLst>
            <pc:docMk/>
            <pc:sldMk cId="1948903573" sldId="364"/>
            <ac:picMk id="5" creationId="{24EFBEE3-CF8D-9948-AC2A-F0B2E0849F6C}"/>
          </ac:picMkLst>
        </pc:picChg>
        <pc:picChg chg="add del mod">
          <ac:chgData name="Daly Donnacha HSLU I" userId="0f22e960-400a-43ff-baeb-4828c8f5cd3a" providerId="ADAL" clId="{54326D88-4859-0849-AFD2-7BF8221993B8}" dt="2020-09-30T14:46:27.354" v="2728" actId="21"/>
          <ac:picMkLst>
            <pc:docMk/>
            <pc:sldMk cId="1948903573" sldId="364"/>
            <ac:picMk id="6" creationId="{9D1C5404-D84F-4446-B6D7-84AFAD09FD80}"/>
          </ac:picMkLst>
        </pc:picChg>
        <pc:picChg chg="add del mod">
          <ac:chgData name="Daly Donnacha HSLU I" userId="0f22e960-400a-43ff-baeb-4828c8f5cd3a" providerId="ADAL" clId="{54326D88-4859-0849-AFD2-7BF8221993B8}" dt="2020-09-30T14:49:54.441" v="2737" actId="478"/>
          <ac:picMkLst>
            <pc:docMk/>
            <pc:sldMk cId="1948903573" sldId="364"/>
            <ac:picMk id="7" creationId="{77E34A7C-CD87-5D41-82D5-3B6D3AF4AB1F}"/>
          </ac:picMkLst>
        </pc:picChg>
        <pc:picChg chg="add mod">
          <ac:chgData name="Daly Donnacha HSLU I" userId="0f22e960-400a-43ff-baeb-4828c8f5cd3a" providerId="ADAL" clId="{54326D88-4859-0849-AFD2-7BF8221993B8}" dt="2020-09-30T14:57:27.493" v="3117" actId="14100"/>
          <ac:picMkLst>
            <pc:docMk/>
            <pc:sldMk cId="1948903573" sldId="364"/>
            <ac:picMk id="8" creationId="{8BE95DFB-D4A7-4646-9CBF-E3216EDB8AD3}"/>
          </ac:picMkLst>
        </pc:picChg>
      </pc:sldChg>
      <pc:sldChg chg="addSp delSp modSp add mod">
        <pc:chgData name="Daly Donnacha HSLU I" userId="0f22e960-400a-43ff-baeb-4828c8f5cd3a" providerId="ADAL" clId="{54326D88-4859-0849-AFD2-7BF8221993B8}" dt="2020-09-30T15:27:02.750" v="4004" actId="1037"/>
        <pc:sldMkLst>
          <pc:docMk/>
          <pc:sldMk cId="1736669597" sldId="365"/>
        </pc:sldMkLst>
        <pc:spChg chg="mod">
          <ac:chgData name="Daly Donnacha HSLU I" userId="0f22e960-400a-43ff-baeb-4828c8f5cd3a" providerId="ADAL" clId="{54326D88-4859-0849-AFD2-7BF8221993B8}" dt="2020-09-30T15:12:31.567" v="3940"/>
          <ac:spMkLst>
            <pc:docMk/>
            <pc:sldMk cId="1736669597" sldId="365"/>
            <ac:spMk id="2" creationId="{65172897-2705-C543-ABB6-B539F62DBC53}"/>
          </ac:spMkLst>
        </pc:spChg>
        <pc:spChg chg="del">
          <ac:chgData name="Daly Donnacha HSLU I" userId="0f22e960-400a-43ff-baeb-4828c8f5cd3a" providerId="ADAL" clId="{54326D88-4859-0849-AFD2-7BF8221993B8}" dt="2020-09-30T15:10:39.156" v="3816" actId="478"/>
          <ac:spMkLst>
            <pc:docMk/>
            <pc:sldMk cId="1736669597" sldId="365"/>
            <ac:spMk id="9" creationId="{FF144223-07CD-CF41-A63D-2AC52B88989B}"/>
          </ac:spMkLst>
        </pc:spChg>
        <pc:picChg chg="add del mod">
          <ac:chgData name="Daly Donnacha HSLU I" userId="0f22e960-400a-43ff-baeb-4828c8f5cd3a" providerId="ADAL" clId="{54326D88-4859-0849-AFD2-7BF8221993B8}" dt="2020-09-30T15:25:15.396" v="3963" actId="478"/>
          <ac:picMkLst>
            <pc:docMk/>
            <pc:sldMk cId="1736669597" sldId="365"/>
            <ac:picMk id="3" creationId="{01EA24FE-3081-2041-8ECE-BB4D9DA14F3A}"/>
          </ac:picMkLst>
        </pc:picChg>
        <pc:picChg chg="add del mod">
          <ac:chgData name="Daly Donnacha HSLU I" userId="0f22e960-400a-43ff-baeb-4828c8f5cd3a" providerId="ADAL" clId="{54326D88-4859-0849-AFD2-7BF8221993B8}" dt="2020-09-30T15:26:50.046" v="3985" actId="478"/>
          <ac:picMkLst>
            <pc:docMk/>
            <pc:sldMk cId="1736669597" sldId="365"/>
            <ac:picMk id="4" creationId="{18E2849C-C3EA-394B-93A7-31E55E27C555}"/>
          </ac:picMkLst>
        </pc:picChg>
        <pc:picChg chg="add mod">
          <ac:chgData name="Daly Donnacha HSLU I" userId="0f22e960-400a-43ff-baeb-4828c8f5cd3a" providerId="ADAL" clId="{54326D88-4859-0849-AFD2-7BF8221993B8}" dt="2020-09-30T15:27:02.750" v="4004" actId="1037"/>
          <ac:picMkLst>
            <pc:docMk/>
            <pc:sldMk cId="1736669597" sldId="365"/>
            <ac:picMk id="5" creationId="{8E65D8B3-DC21-BA42-BC98-2FFFC2E9E1A9}"/>
          </ac:picMkLst>
        </pc:picChg>
        <pc:picChg chg="del">
          <ac:chgData name="Daly Donnacha HSLU I" userId="0f22e960-400a-43ff-baeb-4828c8f5cd3a" providerId="ADAL" clId="{54326D88-4859-0849-AFD2-7BF8221993B8}" dt="2020-09-30T15:10:34.823" v="3815" actId="478"/>
          <ac:picMkLst>
            <pc:docMk/>
            <pc:sldMk cId="1736669597" sldId="365"/>
            <ac:picMk id="8" creationId="{8BE95DFB-D4A7-4646-9CBF-E3216EDB8AD3}"/>
          </ac:picMkLst>
        </pc:picChg>
      </pc:sldChg>
      <pc:sldMasterChg chg="modSldLayout">
        <pc:chgData name="Daly Donnacha HSLU I" userId="0f22e960-400a-43ff-baeb-4828c8f5cd3a" providerId="ADAL" clId="{54326D88-4859-0849-AFD2-7BF8221993B8}" dt="2020-09-28T12:01:59.152" v="180" actId="732"/>
        <pc:sldMasterMkLst>
          <pc:docMk/>
          <pc:sldMasterMk cId="0" sldId="2147483648"/>
        </pc:sldMasterMkLst>
        <pc:sldLayoutChg chg="addSp delSp modSp mod">
          <pc:chgData name="Daly Donnacha HSLU I" userId="0f22e960-400a-43ff-baeb-4828c8f5cd3a" providerId="ADAL" clId="{54326D88-4859-0849-AFD2-7BF8221993B8}" dt="2020-09-28T12:01:59.152" v="180" actId="732"/>
          <pc:sldLayoutMkLst>
            <pc:docMk/>
            <pc:sldMasterMk cId="0" sldId="2147483648"/>
            <pc:sldLayoutMk cId="3920175854" sldId="2147483731"/>
          </pc:sldLayoutMkLst>
          <pc:spChg chg="add del">
            <ac:chgData name="Daly Donnacha HSLU I" userId="0f22e960-400a-43ff-baeb-4828c8f5cd3a" providerId="ADAL" clId="{54326D88-4859-0849-AFD2-7BF8221993B8}" dt="2020-09-28T11:56:46.875" v="166" actId="478"/>
            <ac:spMkLst>
              <pc:docMk/>
              <pc:sldMasterMk cId="0" sldId="2147483648"/>
              <pc:sldLayoutMk cId="3920175854" sldId="2147483731"/>
              <ac:spMk id="6" creationId="{1C48D226-BC5E-344E-85DE-4339D9CDC064}"/>
            </ac:spMkLst>
          </pc:spChg>
          <pc:spChg chg="add del">
            <ac:chgData name="Daly Donnacha HSLU I" userId="0f22e960-400a-43ff-baeb-4828c8f5cd3a" providerId="ADAL" clId="{54326D88-4859-0849-AFD2-7BF8221993B8}" dt="2020-09-28T11:58:26.446" v="177" actId="478"/>
            <ac:spMkLst>
              <pc:docMk/>
              <pc:sldMasterMk cId="0" sldId="2147483648"/>
              <pc:sldLayoutMk cId="3920175854" sldId="2147483731"/>
              <ac:spMk id="17" creationId="{1AADCB3E-C88C-5D42-AFA6-E7EF6EBC760C}"/>
            </ac:spMkLst>
          </pc:spChg>
          <pc:picChg chg="del">
            <ac:chgData name="Daly Donnacha HSLU I" userId="0f22e960-400a-43ff-baeb-4828c8f5cd3a" providerId="ADAL" clId="{54326D88-4859-0849-AFD2-7BF8221993B8}" dt="2020-09-28T11:58:39.446" v="179" actId="478"/>
            <ac:picMkLst>
              <pc:docMk/>
              <pc:sldMasterMk cId="0" sldId="2147483648"/>
              <pc:sldLayoutMk cId="3920175854" sldId="2147483731"/>
              <ac:picMk id="5" creationId="{00000000-0000-0000-0000-000000000000}"/>
            </ac:picMkLst>
          </pc:picChg>
          <pc:picChg chg="add del">
            <ac:chgData name="Daly Donnacha HSLU I" userId="0f22e960-400a-43ff-baeb-4828c8f5cd3a" providerId="ADAL" clId="{54326D88-4859-0849-AFD2-7BF8221993B8}" dt="2020-09-28T11:58:30.965" v="178" actId="478"/>
            <ac:picMkLst>
              <pc:docMk/>
              <pc:sldMasterMk cId="0" sldId="2147483648"/>
              <pc:sldLayoutMk cId="3920175854" sldId="2147483731"/>
              <ac:picMk id="7" creationId="{00000000-0000-0000-0000-000000000000}"/>
            </ac:picMkLst>
          </pc:picChg>
          <pc:picChg chg="add mod modCrop">
            <ac:chgData name="Daly Donnacha HSLU I" userId="0f22e960-400a-43ff-baeb-4828c8f5cd3a" providerId="ADAL" clId="{54326D88-4859-0849-AFD2-7BF8221993B8}" dt="2020-09-28T12:01:59.152" v="180" actId="732"/>
            <ac:picMkLst>
              <pc:docMk/>
              <pc:sldMasterMk cId="0" sldId="2147483648"/>
              <pc:sldLayoutMk cId="3920175854" sldId="2147483731"/>
              <ac:picMk id="9" creationId="{435AE2D2-8BE8-2C47-94C1-612F65E523CB}"/>
            </ac:picMkLst>
          </pc:picChg>
        </pc:sldLayoutChg>
      </pc:sldMasterChg>
    </pc:docChg>
  </pc:docChgLst>
  <pc:docChgLst>
    <pc:chgData name="Daly Donnacha HSLU I" userId="0f22e960-400a-43ff-baeb-4828c8f5cd3a" providerId="ADAL" clId="{F92A1029-2E60-6441-884F-09EADECCDF72}"/>
    <pc:docChg chg="undo redo custSel addSld delSld modSld sldOrd modMainMaster">
      <pc:chgData name="Daly Donnacha HSLU I" userId="0f22e960-400a-43ff-baeb-4828c8f5cd3a" providerId="ADAL" clId="{F92A1029-2E60-6441-884F-09EADECCDF72}" dt="2021-03-03T14:27:58.667" v="6839" actId="207"/>
      <pc:docMkLst>
        <pc:docMk/>
      </pc:docMkLst>
      <pc:sldChg chg="modSp mod">
        <pc:chgData name="Daly Donnacha HSLU I" userId="0f22e960-400a-43ff-baeb-4828c8f5cd3a" providerId="ADAL" clId="{F92A1029-2E60-6441-884F-09EADECCDF72}" dt="2021-03-01T06:10:38.902" v="40" actId="20577"/>
        <pc:sldMkLst>
          <pc:docMk/>
          <pc:sldMk cId="0" sldId="256"/>
        </pc:sldMkLst>
        <pc:spChg chg="mod">
          <ac:chgData name="Daly Donnacha HSLU I" userId="0f22e960-400a-43ff-baeb-4828c8f5cd3a" providerId="ADAL" clId="{F92A1029-2E60-6441-884F-09EADECCDF72}" dt="2021-03-01T06:10:38.902" v="40" actId="20577"/>
          <ac:spMkLst>
            <pc:docMk/>
            <pc:sldMk cId="0" sldId="256"/>
            <ac:spMk id="3075" creationId="{00000000-0000-0000-0000-000000000000}"/>
          </ac:spMkLst>
        </pc:spChg>
      </pc:sldChg>
      <pc:sldChg chg="add del">
        <pc:chgData name="Daly Donnacha HSLU I" userId="0f22e960-400a-43ff-baeb-4828c8f5cd3a" providerId="ADAL" clId="{F92A1029-2E60-6441-884F-09EADECCDF72}" dt="2021-03-01T19:20:10.772" v="458" actId="2696"/>
        <pc:sldMkLst>
          <pc:docMk/>
          <pc:sldMk cId="2352115886" sldId="272"/>
        </pc:sldMkLst>
      </pc:sldChg>
      <pc:sldChg chg="addSp delSp modSp add mod">
        <pc:chgData name="Daly Donnacha HSLU I" userId="0f22e960-400a-43ff-baeb-4828c8f5cd3a" providerId="ADAL" clId="{F92A1029-2E60-6441-884F-09EADECCDF72}" dt="2021-03-02T15:04:31.377" v="5449" actId="20577"/>
        <pc:sldMkLst>
          <pc:docMk/>
          <pc:sldMk cId="2766484069" sldId="273"/>
        </pc:sldMkLst>
        <pc:spChg chg="mod">
          <ac:chgData name="Daly Donnacha HSLU I" userId="0f22e960-400a-43ff-baeb-4828c8f5cd3a" providerId="ADAL" clId="{F92A1029-2E60-6441-884F-09EADECCDF72}" dt="2021-03-01T18:55:43.105" v="53" actId="255"/>
          <ac:spMkLst>
            <pc:docMk/>
            <pc:sldMk cId="2766484069" sldId="273"/>
            <ac:spMk id="2" creationId="{BA489D68-009B-F945-9870-9727B2149FA8}"/>
          </ac:spMkLst>
        </pc:spChg>
        <pc:spChg chg="del mod">
          <ac:chgData name="Daly Donnacha HSLU I" userId="0f22e960-400a-43ff-baeb-4828c8f5cd3a" providerId="ADAL" clId="{F92A1029-2E60-6441-884F-09EADECCDF72}" dt="2021-03-01T19:04:18.926" v="269" actId="478"/>
          <ac:spMkLst>
            <pc:docMk/>
            <pc:sldMk cId="2766484069" sldId="273"/>
            <ac:spMk id="3" creationId="{7438C5C7-1E54-6141-B517-97599718FBF8}"/>
          </ac:spMkLst>
        </pc:spChg>
        <pc:spChg chg="del mod">
          <ac:chgData name="Daly Donnacha HSLU I" userId="0f22e960-400a-43ff-baeb-4828c8f5cd3a" providerId="ADAL" clId="{F92A1029-2E60-6441-884F-09EADECCDF72}" dt="2021-03-01T19:04:18.926" v="269" actId="478"/>
          <ac:spMkLst>
            <pc:docMk/>
            <pc:sldMk cId="2766484069" sldId="273"/>
            <ac:spMk id="4" creationId="{AC18AA3E-3627-E449-8622-84191E002FE4}"/>
          </ac:spMkLst>
        </pc:spChg>
        <pc:spChg chg="del mod">
          <ac:chgData name="Daly Donnacha HSLU I" userId="0f22e960-400a-43ff-baeb-4828c8f5cd3a" providerId="ADAL" clId="{F92A1029-2E60-6441-884F-09EADECCDF72}" dt="2021-03-01T19:04:18.926" v="269" actId="478"/>
          <ac:spMkLst>
            <pc:docMk/>
            <pc:sldMk cId="2766484069" sldId="273"/>
            <ac:spMk id="5" creationId="{383F9DFA-66D1-DC41-A024-F6EE7EA81A69}"/>
          </ac:spMkLst>
        </pc:spChg>
        <pc:spChg chg="del mod">
          <ac:chgData name="Daly Donnacha HSLU I" userId="0f22e960-400a-43ff-baeb-4828c8f5cd3a" providerId="ADAL" clId="{F92A1029-2E60-6441-884F-09EADECCDF72}" dt="2021-03-01T19:04:18.926" v="269" actId="478"/>
          <ac:spMkLst>
            <pc:docMk/>
            <pc:sldMk cId="2766484069" sldId="273"/>
            <ac:spMk id="6" creationId="{3A0E4AA9-DF22-3441-8BC9-F2C369A35403}"/>
          </ac:spMkLst>
        </pc:spChg>
        <pc:spChg chg="del mod">
          <ac:chgData name="Daly Donnacha HSLU I" userId="0f22e960-400a-43ff-baeb-4828c8f5cd3a" providerId="ADAL" clId="{F92A1029-2E60-6441-884F-09EADECCDF72}" dt="2021-03-01T19:04:18.926" v="269" actId="478"/>
          <ac:spMkLst>
            <pc:docMk/>
            <pc:sldMk cId="2766484069" sldId="273"/>
            <ac:spMk id="7" creationId="{CED4DFEA-6BF0-924F-A5C7-9F680DDECE06}"/>
          </ac:spMkLst>
        </pc:spChg>
        <pc:spChg chg="mod">
          <ac:chgData name="Daly Donnacha HSLU I" userId="0f22e960-400a-43ff-baeb-4828c8f5cd3a" providerId="ADAL" clId="{F92A1029-2E60-6441-884F-09EADECCDF72}" dt="2021-03-02T15:04:31.377" v="5449" actId="20577"/>
          <ac:spMkLst>
            <pc:docMk/>
            <pc:sldMk cId="2766484069" sldId="273"/>
            <ac:spMk id="8" creationId="{392D4DDE-0760-2340-B4C3-34C37DFE1941}"/>
          </ac:spMkLst>
        </pc:spChg>
        <pc:spChg chg="del mod">
          <ac:chgData name="Daly Donnacha HSLU I" userId="0f22e960-400a-43ff-baeb-4828c8f5cd3a" providerId="ADAL" clId="{F92A1029-2E60-6441-884F-09EADECCDF72}" dt="2021-03-01T19:04:36.206" v="275" actId="478"/>
          <ac:spMkLst>
            <pc:docMk/>
            <pc:sldMk cId="2766484069" sldId="273"/>
            <ac:spMk id="9" creationId="{1C714C67-17B8-9845-B8C1-E31CDF8D5DD5}"/>
          </ac:spMkLst>
        </pc:spChg>
        <pc:spChg chg="del mod">
          <ac:chgData name="Daly Donnacha HSLU I" userId="0f22e960-400a-43ff-baeb-4828c8f5cd3a" providerId="ADAL" clId="{F92A1029-2E60-6441-884F-09EADECCDF72}" dt="2021-03-01T19:04:41.405" v="277" actId="478"/>
          <ac:spMkLst>
            <pc:docMk/>
            <pc:sldMk cId="2766484069" sldId="273"/>
            <ac:spMk id="10" creationId="{1804618E-5DDB-F541-B3D9-4AF5CA967682}"/>
          </ac:spMkLst>
        </pc:spChg>
        <pc:spChg chg="del mod">
          <ac:chgData name="Daly Donnacha HSLU I" userId="0f22e960-400a-43ff-baeb-4828c8f5cd3a" providerId="ADAL" clId="{F92A1029-2E60-6441-884F-09EADECCDF72}" dt="2021-03-01T19:04:58.157" v="285" actId="478"/>
          <ac:spMkLst>
            <pc:docMk/>
            <pc:sldMk cId="2766484069" sldId="273"/>
            <ac:spMk id="11" creationId="{B1328D6B-CCBD-9545-A40B-32FE7AAED78A}"/>
          </ac:spMkLst>
        </pc:spChg>
        <pc:spChg chg="del mod">
          <ac:chgData name="Daly Donnacha HSLU I" userId="0f22e960-400a-43ff-baeb-4828c8f5cd3a" providerId="ADAL" clId="{F92A1029-2E60-6441-884F-09EADECCDF72}" dt="2021-03-01T19:04:49.020" v="281" actId="478"/>
          <ac:spMkLst>
            <pc:docMk/>
            <pc:sldMk cId="2766484069" sldId="273"/>
            <ac:spMk id="12" creationId="{F4E0425C-D44A-5342-8E97-8C72B8E9FE7B}"/>
          </ac:spMkLst>
        </pc:spChg>
        <pc:spChg chg="del mod">
          <ac:chgData name="Daly Donnacha HSLU I" userId="0f22e960-400a-43ff-baeb-4828c8f5cd3a" providerId="ADAL" clId="{F92A1029-2E60-6441-884F-09EADECCDF72}" dt="2021-03-01T19:04:21.259" v="270" actId="478"/>
          <ac:spMkLst>
            <pc:docMk/>
            <pc:sldMk cId="2766484069" sldId="273"/>
            <ac:spMk id="13" creationId="{B215800D-1FF9-9C40-A027-B419A2BEA5C1}"/>
          </ac:spMkLst>
        </pc:spChg>
        <pc:spChg chg="add mod">
          <ac:chgData name="Daly Donnacha HSLU I" userId="0f22e960-400a-43ff-baeb-4828c8f5cd3a" providerId="ADAL" clId="{F92A1029-2E60-6441-884F-09EADECCDF72}" dt="2021-03-01T19:16:26.808" v="418" actId="20577"/>
          <ac:spMkLst>
            <pc:docMk/>
            <pc:sldMk cId="2766484069" sldId="273"/>
            <ac:spMk id="16" creationId="{453154A3-1FB5-134E-9651-86C8B1CCE69A}"/>
          </ac:spMkLst>
        </pc:spChg>
        <pc:picChg chg="del">
          <ac:chgData name="Daly Donnacha HSLU I" userId="0f22e960-400a-43ff-baeb-4828c8f5cd3a" providerId="ADAL" clId="{F92A1029-2E60-6441-884F-09EADECCDF72}" dt="2021-03-01T19:10:51.117" v="296" actId="478"/>
          <ac:picMkLst>
            <pc:docMk/>
            <pc:sldMk cId="2766484069" sldId="273"/>
            <ac:picMk id="14" creationId="{C49E2B5D-61F8-F440-A907-6D55D88D311F}"/>
          </ac:picMkLst>
        </pc:picChg>
        <pc:picChg chg="add mod">
          <ac:chgData name="Daly Donnacha HSLU I" userId="0f22e960-400a-43ff-baeb-4828c8f5cd3a" providerId="ADAL" clId="{F92A1029-2E60-6441-884F-09EADECCDF72}" dt="2021-03-01T19:10:52.543" v="297"/>
          <ac:picMkLst>
            <pc:docMk/>
            <pc:sldMk cId="2766484069" sldId="273"/>
            <ac:picMk id="15" creationId="{08DFC1DE-98AC-3648-9F14-B987E7A23069}"/>
          </ac:picMkLst>
        </pc:picChg>
      </pc:sldChg>
      <pc:sldChg chg="del">
        <pc:chgData name="Daly Donnacha HSLU I" userId="0f22e960-400a-43ff-baeb-4828c8f5cd3a" providerId="ADAL" clId="{F92A1029-2E60-6441-884F-09EADECCDF72}" dt="2021-03-02T06:33:36.054" v="2874" actId="2696"/>
        <pc:sldMkLst>
          <pc:docMk/>
          <pc:sldMk cId="591590477" sldId="281"/>
        </pc:sldMkLst>
      </pc:sldChg>
      <pc:sldChg chg="modSp mod ord">
        <pc:chgData name="Daly Donnacha HSLU I" userId="0f22e960-400a-43ff-baeb-4828c8f5cd3a" providerId="ADAL" clId="{F92A1029-2E60-6441-884F-09EADECCDF72}" dt="2021-03-02T06:20:32.160" v="2554" actId="14100"/>
        <pc:sldMkLst>
          <pc:docMk/>
          <pc:sldMk cId="2116898269" sldId="282"/>
        </pc:sldMkLst>
        <pc:spChg chg="mod">
          <ac:chgData name="Daly Donnacha HSLU I" userId="0f22e960-400a-43ff-baeb-4828c8f5cd3a" providerId="ADAL" clId="{F92A1029-2E60-6441-884F-09EADECCDF72}" dt="2021-03-02T06:18:44.765" v="2549" actId="20577"/>
          <ac:spMkLst>
            <pc:docMk/>
            <pc:sldMk cId="2116898269" sldId="282"/>
            <ac:spMk id="2" creationId="{65172897-2705-C543-ABB6-B539F62DBC53}"/>
          </ac:spMkLst>
        </pc:spChg>
        <pc:picChg chg="mod">
          <ac:chgData name="Daly Donnacha HSLU I" userId="0f22e960-400a-43ff-baeb-4828c8f5cd3a" providerId="ADAL" clId="{F92A1029-2E60-6441-884F-09EADECCDF72}" dt="2021-03-02T06:20:32.160" v="2554" actId="14100"/>
          <ac:picMkLst>
            <pc:docMk/>
            <pc:sldMk cId="2116898269" sldId="282"/>
            <ac:picMk id="4" creationId="{36706ED2-E02F-3D4E-A424-9198E90B976D}"/>
          </ac:picMkLst>
        </pc:picChg>
      </pc:sldChg>
      <pc:sldChg chg="del ord">
        <pc:chgData name="Daly Donnacha HSLU I" userId="0f22e960-400a-43ff-baeb-4828c8f5cd3a" providerId="ADAL" clId="{F92A1029-2E60-6441-884F-09EADECCDF72}" dt="2021-03-02T14:34:50.127" v="4882" actId="2696"/>
        <pc:sldMkLst>
          <pc:docMk/>
          <pc:sldMk cId="3839413538" sldId="283"/>
        </pc:sldMkLst>
      </pc:sldChg>
      <pc:sldChg chg="delSp del ord">
        <pc:chgData name="Daly Donnacha HSLU I" userId="0f22e960-400a-43ff-baeb-4828c8f5cd3a" providerId="ADAL" clId="{F92A1029-2E60-6441-884F-09EADECCDF72}" dt="2021-03-02T14:32:44.080" v="4828" actId="2696"/>
        <pc:sldMkLst>
          <pc:docMk/>
          <pc:sldMk cId="2518564325" sldId="284"/>
        </pc:sldMkLst>
        <pc:picChg chg="del">
          <ac:chgData name="Daly Donnacha HSLU I" userId="0f22e960-400a-43ff-baeb-4828c8f5cd3a" providerId="ADAL" clId="{F92A1029-2E60-6441-884F-09EADECCDF72}" dt="2021-03-02T14:31:34.898" v="4786" actId="21"/>
          <ac:picMkLst>
            <pc:docMk/>
            <pc:sldMk cId="2518564325" sldId="284"/>
            <ac:picMk id="1026" creationId="{BF9F4918-4722-8A43-8B79-DCF114195CFF}"/>
          </ac:picMkLst>
        </pc:picChg>
      </pc:sldChg>
      <pc:sldChg chg="delSp modSp add mod">
        <pc:chgData name="Daly Donnacha HSLU I" userId="0f22e960-400a-43ff-baeb-4828c8f5cd3a" providerId="ADAL" clId="{F92A1029-2E60-6441-884F-09EADECCDF72}" dt="2021-03-02T06:43:20.809" v="2940" actId="478"/>
        <pc:sldMkLst>
          <pc:docMk/>
          <pc:sldMk cId="3482985189" sldId="287"/>
        </pc:sldMkLst>
        <pc:spChg chg="mod">
          <ac:chgData name="Daly Donnacha HSLU I" userId="0f22e960-400a-43ff-baeb-4828c8f5cd3a" providerId="ADAL" clId="{F92A1029-2E60-6441-884F-09EADECCDF72}" dt="2021-03-02T06:43:12.314" v="2935" actId="20577"/>
          <ac:spMkLst>
            <pc:docMk/>
            <pc:sldMk cId="3482985189" sldId="287"/>
            <ac:spMk id="2" creationId="{65172897-2705-C543-ABB6-B539F62DBC53}"/>
          </ac:spMkLst>
        </pc:spChg>
        <pc:spChg chg="del">
          <ac:chgData name="Daly Donnacha HSLU I" userId="0f22e960-400a-43ff-baeb-4828c8f5cd3a" providerId="ADAL" clId="{F92A1029-2E60-6441-884F-09EADECCDF72}" dt="2021-03-02T06:43:17.749" v="2937" actId="478"/>
          <ac:spMkLst>
            <pc:docMk/>
            <pc:sldMk cId="3482985189" sldId="287"/>
            <ac:spMk id="11" creationId="{0BF75D0D-C4E0-AB46-A868-F40FF0E114A0}"/>
          </ac:spMkLst>
        </pc:spChg>
        <pc:spChg chg="del">
          <ac:chgData name="Daly Donnacha HSLU I" userId="0f22e960-400a-43ff-baeb-4828c8f5cd3a" providerId="ADAL" clId="{F92A1029-2E60-6441-884F-09EADECCDF72}" dt="2021-03-02T06:43:18.777" v="2938" actId="478"/>
          <ac:spMkLst>
            <pc:docMk/>
            <pc:sldMk cId="3482985189" sldId="287"/>
            <ac:spMk id="14" creationId="{549AF411-F3CA-8947-8719-B6F4B1AE2D4A}"/>
          </ac:spMkLst>
        </pc:spChg>
        <pc:spChg chg="del">
          <ac:chgData name="Daly Donnacha HSLU I" userId="0f22e960-400a-43ff-baeb-4828c8f5cd3a" providerId="ADAL" clId="{F92A1029-2E60-6441-884F-09EADECCDF72}" dt="2021-03-02T06:43:20.809" v="2940" actId="478"/>
          <ac:spMkLst>
            <pc:docMk/>
            <pc:sldMk cId="3482985189" sldId="287"/>
            <ac:spMk id="15" creationId="{A15CE2AB-37DD-E149-8AD9-261D33DCB771}"/>
          </ac:spMkLst>
        </pc:spChg>
        <pc:spChg chg="del">
          <ac:chgData name="Daly Donnacha HSLU I" userId="0f22e960-400a-43ff-baeb-4828c8f5cd3a" providerId="ADAL" clId="{F92A1029-2E60-6441-884F-09EADECCDF72}" dt="2021-03-02T06:43:16.322" v="2936" actId="478"/>
          <ac:spMkLst>
            <pc:docMk/>
            <pc:sldMk cId="3482985189" sldId="287"/>
            <ac:spMk id="16" creationId="{B5177F7E-AE44-2D47-BF13-F7746C8655E6}"/>
          </ac:spMkLst>
        </pc:spChg>
        <pc:spChg chg="del">
          <ac:chgData name="Daly Donnacha HSLU I" userId="0f22e960-400a-43ff-baeb-4828c8f5cd3a" providerId="ADAL" clId="{F92A1029-2E60-6441-884F-09EADECCDF72}" dt="2021-03-02T06:43:19.967" v="2939" actId="478"/>
          <ac:spMkLst>
            <pc:docMk/>
            <pc:sldMk cId="3482985189" sldId="287"/>
            <ac:spMk id="19" creationId="{21BBD1A7-7047-7E43-9B2F-1BF145B2AD44}"/>
          </ac:spMkLst>
        </pc:spChg>
      </pc:sldChg>
      <pc:sldChg chg="addSp modSp add mod">
        <pc:chgData name="Daly Donnacha HSLU I" userId="0f22e960-400a-43ff-baeb-4828c8f5cd3a" providerId="ADAL" clId="{F92A1029-2E60-6441-884F-09EADECCDF72}" dt="2021-03-02T14:53:20.294" v="5283" actId="14100"/>
        <pc:sldMkLst>
          <pc:docMk/>
          <pc:sldMk cId="2083750352" sldId="288"/>
        </pc:sldMkLst>
        <pc:spChg chg="add mod">
          <ac:chgData name="Daly Donnacha HSLU I" userId="0f22e960-400a-43ff-baeb-4828c8f5cd3a" providerId="ADAL" clId="{F92A1029-2E60-6441-884F-09EADECCDF72}" dt="2021-03-02T14:53:03.114" v="5282" actId="1076"/>
          <ac:spMkLst>
            <pc:docMk/>
            <pc:sldMk cId="2083750352" sldId="288"/>
            <ac:spMk id="4" creationId="{1135F704-07E0-3D4D-855F-676BF136D487}"/>
          </ac:spMkLst>
        </pc:spChg>
        <pc:spChg chg="mod">
          <ac:chgData name="Daly Donnacha HSLU I" userId="0f22e960-400a-43ff-baeb-4828c8f5cd3a" providerId="ADAL" clId="{F92A1029-2E60-6441-884F-09EADECCDF72}" dt="2021-03-02T14:53:20.294" v="5283" actId="14100"/>
          <ac:spMkLst>
            <pc:docMk/>
            <pc:sldMk cId="2083750352" sldId="288"/>
            <ac:spMk id="6" creationId="{814512B7-E845-FD4A-B8AC-EF677DAFA2EB}"/>
          </ac:spMkLst>
        </pc:spChg>
        <pc:spChg chg="mod">
          <ac:chgData name="Daly Donnacha HSLU I" userId="0f22e960-400a-43ff-baeb-4828c8f5cd3a" providerId="ADAL" clId="{F92A1029-2E60-6441-884F-09EADECCDF72}" dt="2021-03-02T06:45:11.186" v="2985" actId="14100"/>
          <ac:spMkLst>
            <pc:docMk/>
            <pc:sldMk cId="2083750352" sldId="288"/>
            <ac:spMk id="10" creationId="{DBE56320-E3B1-E549-9660-0D6C8454B93E}"/>
          </ac:spMkLst>
        </pc:spChg>
      </pc:sldChg>
      <pc:sldChg chg="modSp add mod">
        <pc:chgData name="Daly Donnacha HSLU I" userId="0f22e960-400a-43ff-baeb-4828c8f5cd3a" providerId="ADAL" clId="{F92A1029-2E60-6441-884F-09EADECCDF72}" dt="2021-03-02T06:50:23.614" v="3002" actId="20577"/>
        <pc:sldMkLst>
          <pc:docMk/>
          <pc:sldMk cId="3459845357" sldId="289"/>
        </pc:sldMkLst>
        <pc:spChg chg="mod">
          <ac:chgData name="Daly Donnacha HSLU I" userId="0f22e960-400a-43ff-baeb-4828c8f5cd3a" providerId="ADAL" clId="{F92A1029-2E60-6441-884F-09EADECCDF72}" dt="2021-03-02T06:50:23.614" v="3002" actId="20577"/>
          <ac:spMkLst>
            <pc:docMk/>
            <pc:sldMk cId="3459845357" sldId="289"/>
            <ac:spMk id="2" creationId="{79F2B661-73C4-214B-8BD9-45FB52607BAE}"/>
          </ac:spMkLst>
        </pc:spChg>
      </pc:sldChg>
      <pc:sldChg chg="modSp add mod ord">
        <pc:chgData name="Daly Donnacha HSLU I" userId="0f22e960-400a-43ff-baeb-4828c8f5cd3a" providerId="ADAL" clId="{F92A1029-2E60-6441-884F-09EADECCDF72}" dt="2021-03-01T19:48:17.335" v="977" actId="207"/>
        <pc:sldMkLst>
          <pc:docMk/>
          <pc:sldMk cId="778058527" sldId="290"/>
        </pc:sldMkLst>
        <pc:spChg chg="mod">
          <ac:chgData name="Daly Donnacha HSLU I" userId="0f22e960-400a-43ff-baeb-4828c8f5cd3a" providerId="ADAL" clId="{F92A1029-2E60-6441-884F-09EADECCDF72}" dt="2021-03-01T18:55:53.442" v="55" actId="403"/>
          <ac:spMkLst>
            <pc:docMk/>
            <pc:sldMk cId="778058527" sldId="290"/>
            <ac:spMk id="2" creationId="{1C032754-C36C-AE4C-8519-E62BDAA63B95}"/>
          </ac:spMkLst>
        </pc:spChg>
        <pc:spChg chg="mod">
          <ac:chgData name="Daly Donnacha HSLU I" userId="0f22e960-400a-43ff-baeb-4828c8f5cd3a" providerId="ADAL" clId="{F92A1029-2E60-6441-884F-09EADECCDF72}" dt="2021-03-01T19:48:17.335" v="977" actId="207"/>
          <ac:spMkLst>
            <pc:docMk/>
            <pc:sldMk cId="778058527" sldId="290"/>
            <ac:spMk id="42" creationId="{9B54CA1C-3FF3-484F-9B36-E63F14D8EA2E}"/>
          </ac:spMkLst>
        </pc:spChg>
      </pc:sldChg>
      <pc:sldChg chg="addSp delSp modSp new del mod">
        <pc:chgData name="Daly Donnacha HSLU I" userId="0f22e960-400a-43ff-baeb-4828c8f5cd3a" providerId="ADAL" clId="{F92A1029-2E60-6441-884F-09EADECCDF72}" dt="2021-03-02T07:54:57.284" v="4071" actId="2696"/>
        <pc:sldMkLst>
          <pc:docMk/>
          <pc:sldMk cId="3666584370" sldId="291"/>
        </pc:sldMkLst>
        <pc:spChg chg="mod">
          <ac:chgData name="Daly Donnacha HSLU I" userId="0f22e960-400a-43ff-baeb-4828c8f5cd3a" providerId="ADAL" clId="{F92A1029-2E60-6441-884F-09EADECCDF72}" dt="2021-03-02T07:03:56.162" v="3281" actId="20577"/>
          <ac:spMkLst>
            <pc:docMk/>
            <pc:sldMk cId="3666584370" sldId="291"/>
            <ac:spMk id="2" creationId="{5FC881D3-A2A9-474E-828C-2B5DF3D73D07}"/>
          </ac:spMkLst>
        </pc:spChg>
        <pc:picChg chg="add del mod">
          <ac:chgData name="Daly Donnacha HSLU I" userId="0f22e960-400a-43ff-baeb-4828c8f5cd3a" providerId="ADAL" clId="{F92A1029-2E60-6441-884F-09EADECCDF72}" dt="2021-03-02T07:54:31.627" v="4062" actId="21"/>
          <ac:picMkLst>
            <pc:docMk/>
            <pc:sldMk cId="3666584370" sldId="291"/>
            <ac:picMk id="3" creationId="{82793A62-4894-ED47-BEE8-5F5F5A77DD41}"/>
          </ac:picMkLst>
        </pc:picChg>
      </pc:sldChg>
      <pc:sldChg chg="add del">
        <pc:chgData name="Daly Donnacha HSLU I" userId="0f22e960-400a-43ff-baeb-4828c8f5cd3a" providerId="ADAL" clId="{F92A1029-2E60-6441-884F-09EADECCDF72}" dt="2021-03-01T19:19:34.019" v="453"/>
        <pc:sldMkLst>
          <pc:docMk/>
          <pc:sldMk cId="224701124" sldId="292"/>
        </pc:sldMkLst>
      </pc:sldChg>
      <pc:sldChg chg="add del">
        <pc:chgData name="Daly Donnacha HSLU I" userId="0f22e960-400a-43ff-baeb-4828c8f5cd3a" providerId="ADAL" clId="{F92A1029-2E60-6441-884F-09EADECCDF72}" dt="2021-03-01T19:19:22.913" v="451"/>
        <pc:sldMkLst>
          <pc:docMk/>
          <pc:sldMk cId="2680656083" sldId="292"/>
        </pc:sldMkLst>
      </pc:sldChg>
      <pc:sldChg chg="addSp modSp new mod">
        <pc:chgData name="Daly Donnacha HSLU I" userId="0f22e960-400a-43ff-baeb-4828c8f5cd3a" providerId="ADAL" clId="{F92A1029-2E60-6441-884F-09EADECCDF72}" dt="2021-03-02T14:51:15.664" v="5192" actId="14100"/>
        <pc:sldMkLst>
          <pc:docMk/>
          <pc:sldMk cId="3575311007" sldId="292"/>
        </pc:sldMkLst>
        <pc:spChg chg="mod">
          <ac:chgData name="Daly Donnacha HSLU I" userId="0f22e960-400a-43ff-baeb-4828c8f5cd3a" providerId="ADAL" clId="{F92A1029-2E60-6441-884F-09EADECCDF72}" dt="2021-03-01T19:21:33.046" v="493" actId="20577"/>
          <ac:spMkLst>
            <pc:docMk/>
            <pc:sldMk cId="3575311007" sldId="292"/>
            <ac:spMk id="2" creationId="{CA6188FA-CD50-0141-A5B1-0A7A58609E4B}"/>
          </ac:spMkLst>
        </pc:spChg>
        <pc:spChg chg="add mod">
          <ac:chgData name="Daly Donnacha HSLU I" userId="0f22e960-400a-43ff-baeb-4828c8f5cd3a" providerId="ADAL" clId="{F92A1029-2E60-6441-884F-09EADECCDF72}" dt="2021-03-02T07:58:27.502" v="4092" actId="1035"/>
          <ac:spMkLst>
            <pc:docMk/>
            <pc:sldMk cId="3575311007" sldId="292"/>
            <ac:spMk id="7" creationId="{7A11C10A-E883-1E44-A468-0638FF62434A}"/>
          </ac:spMkLst>
        </pc:spChg>
        <pc:spChg chg="add mod">
          <ac:chgData name="Daly Donnacha HSLU I" userId="0f22e960-400a-43ff-baeb-4828c8f5cd3a" providerId="ADAL" clId="{F92A1029-2E60-6441-884F-09EADECCDF72}" dt="2021-03-02T08:05:48.077" v="4178" actId="255"/>
          <ac:spMkLst>
            <pc:docMk/>
            <pc:sldMk cId="3575311007" sldId="292"/>
            <ac:spMk id="8" creationId="{F6718837-EB70-1B40-AB62-0173D49D7944}"/>
          </ac:spMkLst>
        </pc:spChg>
        <pc:spChg chg="add mod">
          <ac:chgData name="Daly Donnacha HSLU I" userId="0f22e960-400a-43ff-baeb-4828c8f5cd3a" providerId="ADAL" clId="{F92A1029-2E60-6441-884F-09EADECCDF72}" dt="2021-03-02T07:58:27.502" v="4092" actId="1035"/>
          <ac:spMkLst>
            <pc:docMk/>
            <pc:sldMk cId="3575311007" sldId="292"/>
            <ac:spMk id="10" creationId="{F4F46928-9317-9546-B700-D3EF9EB4C069}"/>
          </ac:spMkLst>
        </pc:spChg>
        <pc:spChg chg="add mod">
          <ac:chgData name="Daly Donnacha HSLU I" userId="0f22e960-400a-43ff-baeb-4828c8f5cd3a" providerId="ADAL" clId="{F92A1029-2E60-6441-884F-09EADECCDF72}" dt="2021-03-02T07:58:27.502" v="4092" actId="1035"/>
          <ac:spMkLst>
            <pc:docMk/>
            <pc:sldMk cId="3575311007" sldId="292"/>
            <ac:spMk id="12" creationId="{B04D927A-BCE5-934C-94A3-14B4EBB4934D}"/>
          </ac:spMkLst>
        </pc:spChg>
        <pc:spChg chg="add mod">
          <ac:chgData name="Daly Donnacha HSLU I" userId="0f22e960-400a-43ff-baeb-4828c8f5cd3a" providerId="ADAL" clId="{F92A1029-2E60-6441-884F-09EADECCDF72}" dt="2021-03-02T14:51:15.664" v="5192" actId="14100"/>
          <ac:spMkLst>
            <pc:docMk/>
            <pc:sldMk cId="3575311007" sldId="292"/>
            <ac:spMk id="13" creationId="{F85F9FCD-17B1-D240-B0EB-0049E86B4142}"/>
          </ac:spMkLst>
        </pc:spChg>
        <pc:picChg chg="add mod">
          <ac:chgData name="Daly Donnacha HSLU I" userId="0f22e960-400a-43ff-baeb-4828c8f5cd3a" providerId="ADAL" clId="{F92A1029-2E60-6441-884F-09EADECCDF72}" dt="2021-03-02T07:58:27.502" v="4092" actId="1035"/>
          <ac:picMkLst>
            <pc:docMk/>
            <pc:sldMk cId="3575311007" sldId="292"/>
            <ac:picMk id="3" creationId="{31E5ECEE-4DF0-D44F-ABF3-80FDFDFC248D}"/>
          </ac:picMkLst>
        </pc:picChg>
        <pc:picChg chg="add mod">
          <ac:chgData name="Daly Donnacha HSLU I" userId="0f22e960-400a-43ff-baeb-4828c8f5cd3a" providerId="ADAL" clId="{F92A1029-2E60-6441-884F-09EADECCDF72}" dt="2021-03-02T07:58:27.502" v="4092" actId="1035"/>
          <ac:picMkLst>
            <pc:docMk/>
            <pc:sldMk cId="3575311007" sldId="292"/>
            <ac:picMk id="4" creationId="{B5592607-6CD4-BC48-9E70-85F8F398AD20}"/>
          </ac:picMkLst>
        </pc:picChg>
        <pc:picChg chg="add mod">
          <ac:chgData name="Daly Donnacha HSLU I" userId="0f22e960-400a-43ff-baeb-4828c8f5cd3a" providerId="ADAL" clId="{F92A1029-2E60-6441-884F-09EADECCDF72}" dt="2021-03-02T07:58:27.502" v="4092" actId="1035"/>
          <ac:picMkLst>
            <pc:docMk/>
            <pc:sldMk cId="3575311007" sldId="292"/>
            <ac:picMk id="5" creationId="{4B7BD716-33E9-FC4B-A0BE-327F394C19D9}"/>
          </ac:picMkLst>
        </pc:picChg>
        <pc:cxnChg chg="add mod">
          <ac:chgData name="Daly Donnacha HSLU I" userId="0f22e960-400a-43ff-baeb-4828c8f5cd3a" providerId="ADAL" clId="{F92A1029-2E60-6441-884F-09EADECCDF72}" dt="2021-03-02T07:58:27.502" v="4092" actId="1035"/>
          <ac:cxnSpMkLst>
            <pc:docMk/>
            <pc:sldMk cId="3575311007" sldId="292"/>
            <ac:cxnSpMk id="6" creationId="{118C9F25-035D-8E49-8368-97123FF62E75}"/>
          </ac:cxnSpMkLst>
        </pc:cxnChg>
        <pc:cxnChg chg="add mod">
          <ac:chgData name="Daly Donnacha HSLU I" userId="0f22e960-400a-43ff-baeb-4828c8f5cd3a" providerId="ADAL" clId="{F92A1029-2E60-6441-884F-09EADECCDF72}" dt="2021-03-02T07:58:27.502" v="4092" actId="1035"/>
          <ac:cxnSpMkLst>
            <pc:docMk/>
            <pc:sldMk cId="3575311007" sldId="292"/>
            <ac:cxnSpMk id="9" creationId="{5A7DBA4D-9451-504B-BBEB-915BE4C283DF}"/>
          </ac:cxnSpMkLst>
        </pc:cxnChg>
        <pc:cxnChg chg="add mod">
          <ac:chgData name="Daly Donnacha HSLU I" userId="0f22e960-400a-43ff-baeb-4828c8f5cd3a" providerId="ADAL" clId="{F92A1029-2E60-6441-884F-09EADECCDF72}" dt="2021-03-02T07:58:27.502" v="4092" actId="1035"/>
          <ac:cxnSpMkLst>
            <pc:docMk/>
            <pc:sldMk cId="3575311007" sldId="292"/>
            <ac:cxnSpMk id="11" creationId="{5EAF49AD-42BF-6842-8F8F-3E6D1DFFAF54}"/>
          </ac:cxnSpMkLst>
        </pc:cxnChg>
      </pc:sldChg>
      <pc:sldChg chg="add del">
        <pc:chgData name="Daly Donnacha HSLU I" userId="0f22e960-400a-43ff-baeb-4828c8f5cd3a" providerId="ADAL" clId="{F92A1029-2E60-6441-884F-09EADECCDF72}" dt="2021-03-01T19:19:51.423" v="457"/>
        <pc:sldMkLst>
          <pc:docMk/>
          <pc:sldMk cId="3936385995" sldId="292"/>
        </pc:sldMkLst>
      </pc:sldChg>
      <pc:sldChg chg="addSp delSp modSp new mod">
        <pc:chgData name="Daly Donnacha HSLU I" userId="0f22e960-400a-43ff-baeb-4828c8f5cd3a" providerId="ADAL" clId="{F92A1029-2E60-6441-884F-09EADECCDF72}" dt="2021-03-02T06:17:47.258" v="2530" actId="1036"/>
        <pc:sldMkLst>
          <pc:docMk/>
          <pc:sldMk cId="3671236432" sldId="293"/>
        </pc:sldMkLst>
        <pc:spChg chg="mod">
          <ac:chgData name="Daly Donnacha HSLU I" userId="0f22e960-400a-43ff-baeb-4828c8f5cd3a" providerId="ADAL" clId="{F92A1029-2E60-6441-884F-09EADECCDF72}" dt="2021-03-01T19:23:47.208" v="544" actId="20577"/>
          <ac:spMkLst>
            <pc:docMk/>
            <pc:sldMk cId="3671236432" sldId="293"/>
            <ac:spMk id="2" creationId="{3B0BA360-408D-FD45-B6D8-1C7C974284D0}"/>
          </ac:spMkLst>
        </pc:spChg>
        <pc:spChg chg="add mod">
          <ac:chgData name="Daly Donnacha HSLU I" userId="0f22e960-400a-43ff-baeb-4828c8f5cd3a" providerId="ADAL" clId="{F92A1029-2E60-6441-884F-09EADECCDF72}" dt="2021-03-02T06:17:43.281" v="2524" actId="1035"/>
          <ac:spMkLst>
            <pc:docMk/>
            <pc:sldMk cId="3671236432" sldId="293"/>
            <ac:spMk id="3" creationId="{2BE6487B-742C-B447-9CBD-6AAE354612A7}"/>
          </ac:spMkLst>
        </pc:spChg>
        <pc:spChg chg="add mod">
          <ac:chgData name="Daly Donnacha HSLU I" userId="0f22e960-400a-43ff-baeb-4828c8f5cd3a" providerId="ADAL" clId="{F92A1029-2E60-6441-884F-09EADECCDF72}" dt="2021-03-02T06:17:47.258" v="2530" actId="1036"/>
          <ac:spMkLst>
            <pc:docMk/>
            <pc:sldMk cId="3671236432" sldId="293"/>
            <ac:spMk id="4" creationId="{7EB56FB6-2E50-354D-91D9-E26D609038E0}"/>
          </ac:spMkLst>
        </pc:spChg>
        <pc:spChg chg="add del mod">
          <ac:chgData name="Daly Donnacha HSLU I" userId="0f22e960-400a-43ff-baeb-4828c8f5cd3a" providerId="ADAL" clId="{F92A1029-2E60-6441-884F-09EADECCDF72}" dt="2021-03-01T19:41:18.782" v="838" actId="478"/>
          <ac:spMkLst>
            <pc:docMk/>
            <pc:sldMk cId="3671236432" sldId="293"/>
            <ac:spMk id="6" creationId="{AAB3D869-A157-EC46-BB27-B82EB0FB74F8}"/>
          </ac:spMkLst>
        </pc:spChg>
        <pc:picChg chg="add del mod">
          <ac:chgData name="Daly Donnacha HSLU I" userId="0f22e960-400a-43ff-baeb-4828c8f5cd3a" providerId="ADAL" clId="{F92A1029-2E60-6441-884F-09EADECCDF72}" dt="2021-03-01T19:37:16.909" v="692" actId="478"/>
          <ac:picMkLst>
            <pc:docMk/>
            <pc:sldMk cId="3671236432" sldId="293"/>
            <ac:picMk id="1026" creationId="{4458D8FD-B5AD-3B41-A95E-880AD8EB7C58}"/>
          </ac:picMkLst>
        </pc:picChg>
        <pc:picChg chg="add mod">
          <ac:chgData name="Daly Donnacha HSLU I" userId="0f22e960-400a-43ff-baeb-4828c8f5cd3a" providerId="ADAL" clId="{F92A1029-2E60-6441-884F-09EADECCDF72}" dt="2021-03-02T06:17:43.281" v="2524" actId="1035"/>
          <ac:picMkLst>
            <pc:docMk/>
            <pc:sldMk cId="3671236432" sldId="293"/>
            <ac:picMk id="1028" creationId="{43D4431E-AD77-5A4C-AB44-BDDC7D289F36}"/>
          </ac:picMkLst>
        </pc:picChg>
      </pc:sldChg>
      <pc:sldChg chg="addSp delSp modSp new mod ord">
        <pc:chgData name="Daly Donnacha HSLU I" userId="0f22e960-400a-43ff-baeb-4828c8f5cd3a" providerId="ADAL" clId="{F92A1029-2E60-6441-884F-09EADECCDF72}" dt="2021-03-02T13:10:34.298" v="4338" actId="20577"/>
        <pc:sldMkLst>
          <pc:docMk/>
          <pc:sldMk cId="2355077156" sldId="294"/>
        </pc:sldMkLst>
        <pc:spChg chg="mod">
          <ac:chgData name="Daly Donnacha HSLU I" userId="0f22e960-400a-43ff-baeb-4828c8f5cd3a" providerId="ADAL" clId="{F92A1029-2E60-6441-884F-09EADECCDF72}" dt="2021-03-01T19:51:01.019" v="1177" actId="20577"/>
          <ac:spMkLst>
            <pc:docMk/>
            <pc:sldMk cId="2355077156" sldId="294"/>
            <ac:spMk id="2" creationId="{8390F39A-DBB0-5146-9D4C-E3E4E5F1C78C}"/>
          </ac:spMkLst>
        </pc:spChg>
        <pc:spChg chg="add mod">
          <ac:chgData name="Daly Donnacha HSLU I" userId="0f22e960-400a-43ff-baeb-4828c8f5cd3a" providerId="ADAL" clId="{F92A1029-2E60-6441-884F-09EADECCDF72}" dt="2021-03-01T20:38:51.881" v="2133" actId="207"/>
          <ac:spMkLst>
            <pc:docMk/>
            <pc:sldMk cId="2355077156" sldId="294"/>
            <ac:spMk id="3" creationId="{A5DBBB5F-3C8D-E648-8D66-D8BD8791A65B}"/>
          </ac:spMkLst>
        </pc:spChg>
        <pc:spChg chg="add mod topLvl">
          <ac:chgData name="Daly Donnacha HSLU I" userId="0f22e960-400a-43ff-baeb-4828c8f5cd3a" providerId="ADAL" clId="{F92A1029-2E60-6441-884F-09EADECCDF72}" dt="2021-03-01T20:46:40.935" v="2240" actId="14100"/>
          <ac:spMkLst>
            <pc:docMk/>
            <pc:sldMk cId="2355077156" sldId="294"/>
            <ac:spMk id="4" creationId="{40F5BE15-A43D-AD41-9681-5F94A9B0B7D3}"/>
          </ac:spMkLst>
        </pc:spChg>
        <pc:spChg chg="add mod">
          <ac:chgData name="Daly Donnacha HSLU I" userId="0f22e960-400a-43ff-baeb-4828c8f5cd3a" providerId="ADAL" clId="{F92A1029-2E60-6441-884F-09EADECCDF72}" dt="2021-03-01T20:54:00.874" v="2316" actId="1035"/>
          <ac:spMkLst>
            <pc:docMk/>
            <pc:sldMk cId="2355077156" sldId="294"/>
            <ac:spMk id="5" creationId="{68D02ACA-4093-F44C-8E33-874FE41660D4}"/>
          </ac:spMkLst>
        </pc:spChg>
        <pc:spChg chg="add mod">
          <ac:chgData name="Daly Donnacha HSLU I" userId="0f22e960-400a-43ff-baeb-4828c8f5cd3a" providerId="ADAL" clId="{F92A1029-2E60-6441-884F-09EADECCDF72}" dt="2021-03-01T20:52:05.134" v="2299" actId="208"/>
          <ac:spMkLst>
            <pc:docMk/>
            <pc:sldMk cId="2355077156" sldId="294"/>
            <ac:spMk id="8" creationId="{AD14A479-DB63-224D-9F62-790749DA9213}"/>
          </ac:spMkLst>
        </pc:spChg>
        <pc:spChg chg="add mod topLvl">
          <ac:chgData name="Daly Donnacha HSLU I" userId="0f22e960-400a-43ff-baeb-4828c8f5cd3a" providerId="ADAL" clId="{F92A1029-2E60-6441-884F-09EADECCDF72}" dt="2021-03-01T20:55:24.844" v="2318" actId="207"/>
          <ac:spMkLst>
            <pc:docMk/>
            <pc:sldMk cId="2355077156" sldId="294"/>
            <ac:spMk id="21" creationId="{A746E922-7DC1-A842-B08F-3F21D53778CA}"/>
          </ac:spMkLst>
        </pc:spChg>
        <pc:spChg chg="add mod topLvl">
          <ac:chgData name="Daly Donnacha HSLU I" userId="0f22e960-400a-43ff-baeb-4828c8f5cd3a" providerId="ADAL" clId="{F92A1029-2E60-6441-884F-09EADECCDF72}" dt="2021-03-02T13:10:34.298" v="4338" actId="20577"/>
          <ac:spMkLst>
            <pc:docMk/>
            <pc:sldMk cId="2355077156" sldId="294"/>
            <ac:spMk id="22" creationId="{4253ECFE-1DE7-C94C-A790-1C33793C56BC}"/>
          </ac:spMkLst>
        </pc:spChg>
        <pc:spChg chg="add mod topLvl">
          <ac:chgData name="Daly Donnacha HSLU I" userId="0f22e960-400a-43ff-baeb-4828c8f5cd3a" providerId="ADAL" clId="{F92A1029-2E60-6441-884F-09EADECCDF72}" dt="2021-03-01T20:55:24.844" v="2318" actId="207"/>
          <ac:spMkLst>
            <pc:docMk/>
            <pc:sldMk cId="2355077156" sldId="294"/>
            <ac:spMk id="23" creationId="{3F2C101A-36FD-FD4C-AF8D-6A9AD43A7EC9}"/>
          </ac:spMkLst>
        </pc:spChg>
        <pc:spChg chg="add mod topLvl">
          <ac:chgData name="Daly Donnacha HSLU I" userId="0f22e960-400a-43ff-baeb-4828c8f5cd3a" providerId="ADAL" clId="{F92A1029-2E60-6441-884F-09EADECCDF72}" dt="2021-03-01T20:55:24.844" v="2318" actId="207"/>
          <ac:spMkLst>
            <pc:docMk/>
            <pc:sldMk cId="2355077156" sldId="294"/>
            <ac:spMk id="24" creationId="{95F9C11F-6DCF-DA48-A126-E63CFF4C7485}"/>
          </ac:spMkLst>
        </pc:spChg>
        <pc:spChg chg="add mod topLvl">
          <ac:chgData name="Daly Donnacha HSLU I" userId="0f22e960-400a-43ff-baeb-4828c8f5cd3a" providerId="ADAL" clId="{F92A1029-2E60-6441-884F-09EADECCDF72}" dt="2021-03-01T20:55:24.844" v="2318" actId="207"/>
          <ac:spMkLst>
            <pc:docMk/>
            <pc:sldMk cId="2355077156" sldId="294"/>
            <ac:spMk id="25" creationId="{AF5D4F82-C1A2-4145-B762-0D38E4F5F6E2}"/>
          </ac:spMkLst>
        </pc:spChg>
        <pc:spChg chg="add mod topLvl">
          <ac:chgData name="Daly Donnacha HSLU I" userId="0f22e960-400a-43ff-baeb-4828c8f5cd3a" providerId="ADAL" clId="{F92A1029-2E60-6441-884F-09EADECCDF72}" dt="2021-03-01T20:55:24.844" v="2318" actId="207"/>
          <ac:spMkLst>
            <pc:docMk/>
            <pc:sldMk cId="2355077156" sldId="294"/>
            <ac:spMk id="26" creationId="{B74F1916-2215-EE44-8644-8EB2720B7F4A}"/>
          </ac:spMkLst>
        </pc:spChg>
        <pc:spChg chg="add mod topLvl">
          <ac:chgData name="Daly Donnacha HSLU I" userId="0f22e960-400a-43ff-baeb-4828c8f5cd3a" providerId="ADAL" clId="{F92A1029-2E60-6441-884F-09EADECCDF72}" dt="2021-03-01T20:55:29.413" v="2319" actId="207"/>
          <ac:spMkLst>
            <pc:docMk/>
            <pc:sldMk cId="2355077156" sldId="294"/>
            <ac:spMk id="27" creationId="{71051E19-F9CA-4D43-9CCF-AC735BD3F449}"/>
          </ac:spMkLst>
        </pc:spChg>
        <pc:spChg chg="add mod topLvl">
          <ac:chgData name="Daly Donnacha HSLU I" userId="0f22e960-400a-43ff-baeb-4828c8f5cd3a" providerId="ADAL" clId="{F92A1029-2E60-6441-884F-09EADECCDF72}" dt="2021-03-01T20:55:29.413" v="2319" actId="207"/>
          <ac:spMkLst>
            <pc:docMk/>
            <pc:sldMk cId="2355077156" sldId="294"/>
            <ac:spMk id="28" creationId="{B6737D42-4E87-4B43-BCBC-88D172E53E18}"/>
          </ac:spMkLst>
        </pc:spChg>
        <pc:spChg chg="add mod">
          <ac:chgData name="Daly Donnacha HSLU I" userId="0f22e960-400a-43ff-baeb-4828c8f5cd3a" providerId="ADAL" clId="{F92A1029-2E60-6441-884F-09EADECCDF72}" dt="2021-03-01T20:55:29.413" v="2319" actId="207"/>
          <ac:spMkLst>
            <pc:docMk/>
            <pc:sldMk cId="2355077156" sldId="294"/>
            <ac:spMk id="29" creationId="{802DEC30-DAA9-474E-B17D-881B671BD012}"/>
          </ac:spMkLst>
        </pc:spChg>
        <pc:spChg chg="add mod">
          <ac:chgData name="Daly Donnacha HSLU I" userId="0f22e960-400a-43ff-baeb-4828c8f5cd3a" providerId="ADAL" clId="{F92A1029-2E60-6441-884F-09EADECCDF72}" dt="2021-03-01T20:55:33.512" v="2320" actId="207"/>
          <ac:spMkLst>
            <pc:docMk/>
            <pc:sldMk cId="2355077156" sldId="294"/>
            <ac:spMk id="30" creationId="{2F81D822-A8EF-EA45-8E28-A7437B9EB5FA}"/>
          </ac:spMkLst>
        </pc:spChg>
        <pc:spChg chg="add mod">
          <ac:chgData name="Daly Donnacha HSLU I" userId="0f22e960-400a-43ff-baeb-4828c8f5cd3a" providerId="ADAL" clId="{F92A1029-2E60-6441-884F-09EADECCDF72}" dt="2021-03-01T20:55:33.512" v="2320" actId="207"/>
          <ac:spMkLst>
            <pc:docMk/>
            <pc:sldMk cId="2355077156" sldId="294"/>
            <ac:spMk id="31" creationId="{1747BD66-C4E2-3C41-B21E-E710D3DCB72D}"/>
          </ac:spMkLst>
        </pc:spChg>
        <pc:spChg chg="add mod">
          <ac:chgData name="Daly Donnacha HSLU I" userId="0f22e960-400a-43ff-baeb-4828c8f5cd3a" providerId="ADAL" clId="{F92A1029-2E60-6441-884F-09EADECCDF72}" dt="2021-03-01T20:55:33.512" v="2320" actId="207"/>
          <ac:spMkLst>
            <pc:docMk/>
            <pc:sldMk cId="2355077156" sldId="294"/>
            <ac:spMk id="32" creationId="{98A69BA8-BD7D-C14F-8F48-688EC096721E}"/>
          </ac:spMkLst>
        </pc:spChg>
        <pc:spChg chg="add mod">
          <ac:chgData name="Daly Donnacha HSLU I" userId="0f22e960-400a-43ff-baeb-4828c8f5cd3a" providerId="ADAL" clId="{F92A1029-2E60-6441-884F-09EADECCDF72}" dt="2021-03-01T20:55:33.512" v="2320" actId="207"/>
          <ac:spMkLst>
            <pc:docMk/>
            <pc:sldMk cId="2355077156" sldId="294"/>
            <ac:spMk id="33" creationId="{23C63A05-2197-6F4F-94A7-7050635748BF}"/>
          </ac:spMkLst>
        </pc:spChg>
        <pc:spChg chg="add mod">
          <ac:chgData name="Daly Donnacha HSLU I" userId="0f22e960-400a-43ff-baeb-4828c8f5cd3a" providerId="ADAL" clId="{F92A1029-2E60-6441-884F-09EADECCDF72}" dt="2021-03-01T20:55:33.512" v="2320" actId="207"/>
          <ac:spMkLst>
            <pc:docMk/>
            <pc:sldMk cId="2355077156" sldId="294"/>
            <ac:spMk id="34" creationId="{90C2036E-9ED7-C74B-B190-CED3C6A15C9A}"/>
          </ac:spMkLst>
        </pc:spChg>
        <pc:spChg chg="add mod">
          <ac:chgData name="Daly Donnacha HSLU I" userId="0f22e960-400a-43ff-baeb-4828c8f5cd3a" providerId="ADAL" clId="{F92A1029-2E60-6441-884F-09EADECCDF72}" dt="2021-03-01T20:55:33.512" v="2320" actId="207"/>
          <ac:spMkLst>
            <pc:docMk/>
            <pc:sldMk cId="2355077156" sldId="294"/>
            <ac:spMk id="35" creationId="{EF9A4473-1BB7-384F-B582-43D8F50C1C5E}"/>
          </ac:spMkLst>
        </pc:spChg>
        <pc:spChg chg="add mod">
          <ac:chgData name="Daly Donnacha HSLU I" userId="0f22e960-400a-43ff-baeb-4828c8f5cd3a" providerId="ADAL" clId="{F92A1029-2E60-6441-884F-09EADECCDF72}" dt="2021-03-01T20:52:31.233" v="2301" actId="14100"/>
          <ac:spMkLst>
            <pc:docMk/>
            <pc:sldMk cId="2355077156" sldId="294"/>
            <ac:spMk id="37" creationId="{2A3D36F3-DEC5-F948-B402-66BD037CC9DF}"/>
          </ac:spMkLst>
        </pc:spChg>
        <pc:spChg chg="add mod topLvl">
          <ac:chgData name="Daly Donnacha HSLU I" userId="0f22e960-400a-43ff-baeb-4828c8f5cd3a" providerId="ADAL" clId="{F92A1029-2E60-6441-884F-09EADECCDF72}" dt="2021-03-01T20:54:00.874" v="2316" actId="1035"/>
          <ac:spMkLst>
            <pc:docMk/>
            <pc:sldMk cId="2355077156" sldId="294"/>
            <ac:spMk id="38" creationId="{CEFBB652-E2D6-9C47-9F9B-64499ED4C88C}"/>
          </ac:spMkLst>
        </pc:spChg>
        <pc:spChg chg="add mod">
          <ac:chgData name="Daly Donnacha HSLU I" userId="0f22e960-400a-43ff-baeb-4828c8f5cd3a" providerId="ADAL" clId="{F92A1029-2E60-6441-884F-09EADECCDF72}" dt="2021-03-01T20:51:38.048" v="2296" actId="1035"/>
          <ac:spMkLst>
            <pc:docMk/>
            <pc:sldMk cId="2355077156" sldId="294"/>
            <ac:spMk id="42" creationId="{908F1C0E-2D46-1849-B2C9-FF362CB514A2}"/>
          </ac:spMkLst>
        </pc:spChg>
        <pc:spChg chg="add del mod">
          <ac:chgData name="Daly Donnacha HSLU I" userId="0f22e960-400a-43ff-baeb-4828c8f5cd3a" providerId="ADAL" clId="{F92A1029-2E60-6441-884F-09EADECCDF72}" dt="2021-03-01T20:42:49.953" v="2198" actId="478"/>
          <ac:spMkLst>
            <pc:docMk/>
            <pc:sldMk cId="2355077156" sldId="294"/>
            <ac:spMk id="46" creationId="{FB19E806-2175-FE4F-9548-AD3F7D5E2246}"/>
          </ac:spMkLst>
        </pc:spChg>
        <pc:spChg chg="add del mod">
          <ac:chgData name="Daly Donnacha HSLU I" userId="0f22e960-400a-43ff-baeb-4828c8f5cd3a" providerId="ADAL" clId="{F92A1029-2E60-6441-884F-09EADECCDF72}" dt="2021-03-01T20:48:37.756" v="2270" actId="478"/>
          <ac:spMkLst>
            <pc:docMk/>
            <pc:sldMk cId="2355077156" sldId="294"/>
            <ac:spMk id="47" creationId="{BAF13956-CFF7-8141-9279-9908E7E3B4DB}"/>
          </ac:spMkLst>
        </pc:spChg>
        <pc:spChg chg="add mod">
          <ac:chgData name="Daly Donnacha HSLU I" userId="0f22e960-400a-43ff-baeb-4828c8f5cd3a" providerId="ADAL" clId="{F92A1029-2E60-6441-884F-09EADECCDF72}" dt="2021-03-01T20:53:09.970" v="2304" actId="14100"/>
          <ac:spMkLst>
            <pc:docMk/>
            <pc:sldMk cId="2355077156" sldId="294"/>
            <ac:spMk id="48" creationId="{06EBFF04-0A66-1F43-9B1B-A883A385CCC8}"/>
          </ac:spMkLst>
        </pc:spChg>
        <pc:spChg chg="add mod">
          <ac:chgData name="Daly Donnacha HSLU I" userId="0f22e960-400a-43ff-baeb-4828c8f5cd3a" providerId="ADAL" clId="{F92A1029-2E60-6441-884F-09EADECCDF72}" dt="2021-03-01T20:54:00.874" v="2316" actId="1035"/>
          <ac:spMkLst>
            <pc:docMk/>
            <pc:sldMk cId="2355077156" sldId="294"/>
            <ac:spMk id="49" creationId="{1CCB7503-EFAD-164C-BE69-81B0F75D9AED}"/>
          </ac:spMkLst>
        </pc:spChg>
        <pc:spChg chg="add mod">
          <ac:chgData name="Daly Donnacha HSLU I" userId="0f22e960-400a-43ff-baeb-4828c8f5cd3a" providerId="ADAL" clId="{F92A1029-2E60-6441-884F-09EADECCDF72}" dt="2021-03-01T20:58:24.932" v="2429" actId="1076"/>
          <ac:spMkLst>
            <pc:docMk/>
            <pc:sldMk cId="2355077156" sldId="294"/>
            <ac:spMk id="59" creationId="{91D5C44E-665D-4A43-811B-A6273E4109BD}"/>
          </ac:spMkLst>
        </pc:spChg>
        <pc:grpChg chg="add mod">
          <ac:chgData name="Daly Donnacha HSLU I" userId="0f22e960-400a-43ff-baeb-4828c8f5cd3a" providerId="ADAL" clId="{F92A1029-2E60-6441-884F-09EADECCDF72}" dt="2021-03-01T20:39:51.008" v="2145" actId="164"/>
          <ac:grpSpMkLst>
            <pc:docMk/>
            <pc:sldMk cId="2355077156" sldId="294"/>
            <ac:grpSpMk id="6" creationId="{90442E41-2A17-AD42-8AAB-73F7A76D7DBF}"/>
          </ac:grpSpMkLst>
        </pc:grpChg>
        <pc:grpChg chg="add mod topLvl">
          <ac:chgData name="Daly Donnacha HSLU I" userId="0f22e960-400a-43ff-baeb-4828c8f5cd3a" providerId="ADAL" clId="{F92A1029-2E60-6441-884F-09EADECCDF72}" dt="2021-03-01T20:54:00.874" v="2316" actId="1035"/>
          <ac:grpSpMkLst>
            <pc:docMk/>
            <pc:sldMk cId="2355077156" sldId="294"/>
            <ac:grpSpMk id="7" creationId="{C835F576-700C-A64F-BA3D-27B2474DCC2F}"/>
          </ac:grpSpMkLst>
        </pc:grpChg>
        <pc:grpChg chg="add del mod">
          <ac:chgData name="Daly Donnacha HSLU I" userId="0f22e960-400a-43ff-baeb-4828c8f5cd3a" providerId="ADAL" clId="{F92A1029-2E60-6441-884F-09EADECCDF72}" dt="2021-03-01T20:45:38.376" v="2234" actId="165"/>
          <ac:grpSpMkLst>
            <pc:docMk/>
            <pc:sldMk cId="2355077156" sldId="294"/>
            <ac:grpSpMk id="9" creationId="{8DB8B9E2-31D6-7842-A571-7C1C5976F509}"/>
          </ac:grpSpMkLst>
        </pc:grpChg>
        <pc:grpChg chg="add del mod">
          <ac:chgData name="Daly Donnacha HSLU I" userId="0f22e960-400a-43ff-baeb-4828c8f5cd3a" providerId="ADAL" clId="{F92A1029-2E60-6441-884F-09EADECCDF72}" dt="2021-03-01T20:45:43.218" v="2235" actId="165"/>
          <ac:grpSpMkLst>
            <pc:docMk/>
            <pc:sldMk cId="2355077156" sldId="294"/>
            <ac:grpSpMk id="10" creationId="{90813EA8-2F4D-9F49-8968-0A0C30471071}"/>
          </ac:grpSpMkLst>
        </pc:grpChg>
        <pc:picChg chg="add mod">
          <ac:chgData name="Daly Donnacha HSLU I" userId="0f22e960-400a-43ff-baeb-4828c8f5cd3a" providerId="ADAL" clId="{F92A1029-2E60-6441-884F-09EADECCDF72}" dt="2021-03-01T20:46:03.142" v="2236" actId="14100"/>
          <ac:picMkLst>
            <pc:docMk/>
            <pc:sldMk cId="2355077156" sldId="294"/>
            <ac:picMk id="2050" creationId="{86261139-A309-6C49-A849-CD1508D8B1A6}"/>
          </ac:picMkLst>
        </pc:picChg>
        <pc:picChg chg="add mod topLvl">
          <ac:chgData name="Daly Donnacha HSLU I" userId="0f22e960-400a-43ff-baeb-4828c8f5cd3a" providerId="ADAL" clId="{F92A1029-2E60-6441-884F-09EADECCDF72}" dt="2021-03-01T20:46:03.142" v="2236" actId="14100"/>
          <ac:picMkLst>
            <pc:docMk/>
            <pc:sldMk cId="2355077156" sldId="294"/>
            <ac:picMk id="2052" creationId="{B9B7B75B-62A8-704A-B3A5-04AE77BF26BB}"/>
          </ac:picMkLst>
        </pc:picChg>
        <pc:picChg chg="add mod topLvl">
          <ac:chgData name="Daly Donnacha HSLU I" userId="0f22e960-400a-43ff-baeb-4828c8f5cd3a" providerId="ADAL" clId="{F92A1029-2E60-6441-884F-09EADECCDF72}" dt="2021-03-01T20:46:03.142" v="2236" actId="14100"/>
          <ac:picMkLst>
            <pc:docMk/>
            <pc:sldMk cId="2355077156" sldId="294"/>
            <ac:picMk id="2054" creationId="{6124817A-ADD4-3F47-94B6-24D9F2A314E6}"/>
          </ac:picMkLst>
        </pc:picChg>
        <pc:picChg chg="add mod topLvl">
          <ac:chgData name="Daly Donnacha HSLU I" userId="0f22e960-400a-43ff-baeb-4828c8f5cd3a" providerId="ADAL" clId="{F92A1029-2E60-6441-884F-09EADECCDF72}" dt="2021-03-01T20:46:03.142" v="2236" actId="14100"/>
          <ac:picMkLst>
            <pc:docMk/>
            <pc:sldMk cId="2355077156" sldId="294"/>
            <ac:picMk id="2056" creationId="{E9845A16-55F3-AD48-9795-66CE931A7864}"/>
          </ac:picMkLst>
        </pc:picChg>
        <pc:picChg chg="add mod topLvl">
          <ac:chgData name="Daly Donnacha HSLU I" userId="0f22e960-400a-43ff-baeb-4828c8f5cd3a" providerId="ADAL" clId="{F92A1029-2E60-6441-884F-09EADECCDF72}" dt="2021-03-01T20:46:03.142" v="2236" actId="14100"/>
          <ac:picMkLst>
            <pc:docMk/>
            <pc:sldMk cId="2355077156" sldId="294"/>
            <ac:picMk id="2058" creationId="{F85AB1C6-6EF9-1D49-A4EA-40EF430B53DD}"/>
          </ac:picMkLst>
        </pc:picChg>
        <pc:picChg chg="add mod topLvl">
          <ac:chgData name="Daly Donnacha HSLU I" userId="0f22e960-400a-43ff-baeb-4828c8f5cd3a" providerId="ADAL" clId="{F92A1029-2E60-6441-884F-09EADECCDF72}" dt="2021-03-01T20:46:03.142" v="2236" actId="14100"/>
          <ac:picMkLst>
            <pc:docMk/>
            <pc:sldMk cId="2355077156" sldId="294"/>
            <ac:picMk id="2060" creationId="{AF701701-4B0B-F948-AF7C-5FE3A88DDA3E}"/>
          </ac:picMkLst>
        </pc:picChg>
        <pc:picChg chg="add mod topLvl">
          <ac:chgData name="Daly Donnacha HSLU I" userId="0f22e960-400a-43ff-baeb-4828c8f5cd3a" providerId="ADAL" clId="{F92A1029-2E60-6441-884F-09EADECCDF72}" dt="2021-03-01T20:54:00.874" v="2316" actId="1035"/>
          <ac:picMkLst>
            <pc:docMk/>
            <pc:sldMk cId="2355077156" sldId="294"/>
            <ac:picMk id="2062" creationId="{8B983C26-4A32-E54E-B78B-D4063C39266E}"/>
          </ac:picMkLst>
        </pc:picChg>
        <pc:picChg chg="add mod">
          <ac:chgData name="Daly Donnacha HSLU I" userId="0f22e960-400a-43ff-baeb-4828c8f5cd3a" providerId="ADAL" clId="{F92A1029-2E60-6441-884F-09EADECCDF72}" dt="2021-03-01T20:54:00.874" v="2316" actId="1035"/>
          <ac:picMkLst>
            <pc:docMk/>
            <pc:sldMk cId="2355077156" sldId="294"/>
            <ac:picMk id="2064" creationId="{DEDE7B96-2640-6343-9D76-0CFE3B4B6B23}"/>
          </ac:picMkLst>
        </pc:picChg>
        <pc:picChg chg="add mod topLvl">
          <ac:chgData name="Daly Donnacha HSLU I" userId="0f22e960-400a-43ff-baeb-4828c8f5cd3a" providerId="ADAL" clId="{F92A1029-2E60-6441-884F-09EADECCDF72}" dt="2021-03-01T20:54:00.874" v="2316" actId="1035"/>
          <ac:picMkLst>
            <pc:docMk/>
            <pc:sldMk cId="2355077156" sldId="294"/>
            <ac:picMk id="2066" creationId="{B082325E-BCE7-7848-9B2D-2B3287694E03}"/>
          </ac:picMkLst>
        </pc:picChg>
        <pc:picChg chg="add mod">
          <ac:chgData name="Daly Donnacha HSLU I" userId="0f22e960-400a-43ff-baeb-4828c8f5cd3a" providerId="ADAL" clId="{F92A1029-2E60-6441-884F-09EADECCDF72}" dt="2021-03-01T20:51:38.048" v="2296" actId="1035"/>
          <ac:picMkLst>
            <pc:docMk/>
            <pc:sldMk cId="2355077156" sldId="294"/>
            <ac:picMk id="2068" creationId="{FBE0E327-2AB5-3448-9CEC-7CAE07A93820}"/>
          </ac:picMkLst>
        </pc:picChg>
        <pc:picChg chg="add mod">
          <ac:chgData name="Daly Donnacha HSLU I" userId="0f22e960-400a-43ff-baeb-4828c8f5cd3a" providerId="ADAL" clId="{F92A1029-2E60-6441-884F-09EADECCDF72}" dt="2021-03-01T20:51:38.048" v="2296" actId="1035"/>
          <ac:picMkLst>
            <pc:docMk/>
            <pc:sldMk cId="2355077156" sldId="294"/>
            <ac:picMk id="2070" creationId="{4C9DC6E9-F02D-E045-86EA-98C7EC13530C}"/>
          </ac:picMkLst>
        </pc:picChg>
        <pc:picChg chg="add mod">
          <ac:chgData name="Daly Donnacha HSLU I" userId="0f22e960-400a-43ff-baeb-4828c8f5cd3a" providerId="ADAL" clId="{F92A1029-2E60-6441-884F-09EADECCDF72}" dt="2021-03-01T20:51:38.048" v="2296" actId="1035"/>
          <ac:picMkLst>
            <pc:docMk/>
            <pc:sldMk cId="2355077156" sldId="294"/>
            <ac:picMk id="2072" creationId="{64E84DA0-51F7-9449-843A-47FFF4B05F50}"/>
          </ac:picMkLst>
        </pc:picChg>
        <pc:picChg chg="add mod">
          <ac:chgData name="Daly Donnacha HSLU I" userId="0f22e960-400a-43ff-baeb-4828c8f5cd3a" providerId="ADAL" clId="{F92A1029-2E60-6441-884F-09EADECCDF72}" dt="2021-03-01T20:51:38.048" v="2296" actId="1035"/>
          <ac:picMkLst>
            <pc:docMk/>
            <pc:sldMk cId="2355077156" sldId="294"/>
            <ac:picMk id="2074" creationId="{111D3A74-4978-114A-A586-3F0E5DCF23E3}"/>
          </ac:picMkLst>
        </pc:picChg>
        <pc:picChg chg="add mod">
          <ac:chgData name="Daly Donnacha HSLU I" userId="0f22e960-400a-43ff-baeb-4828c8f5cd3a" providerId="ADAL" clId="{F92A1029-2E60-6441-884F-09EADECCDF72}" dt="2021-03-01T20:51:38.048" v="2296" actId="1035"/>
          <ac:picMkLst>
            <pc:docMk/>
            <pc:sldMk cId="2355077156" sldId="294"/>
            <ac:picMk id="2076" creationId="{4FD33843-0324-EA4B-B40D-15ABB206FDD0}"/>
          </ac:picMkLst>
        </pc:picChg>
        <pc:picChg chg="add del mod">
          <ac:chgData name="Daly Donnacha HSLU I" userId="0f22e960-400a-43ff-baeb-4828c8f5cd3a" providerId="ADAL" clId="{F92A1029-2E60-6441-884F-09EADECCDF72}" dt="2021-03-01T20:00:28.410" v="1200" actId="478"/>
          <ac:picMkLst>
            <pc:docMk/>
            <pc:sldMk cId="2355077156" sldId="294"/>
            <ac:picMk id="2078" creationId="{009B0B55-7A75-0642-B63E-D67AD1228AD4}"/>
          </ac:picMkLst>
        </pc:picChg>
        <pc:picChg chg="add mod topLvl">
          <ac:chgData name="Daly Donnacha HSLU I" userId="0f22e960-400a-43ff-baeb-4828c8f5cd3a" providerId="ADAL" clId="{F92A1029-2E60-6441-884F-09EADECCDF72}" dt="2021-03-01T20:46:03.142" v="2236" actId="14100"/>
          <ac:picMkLst>
            <pc:docMk/>
            <pc:sldMk cId="2355077156" sldId="294"/>
            <ac:picMk id="2080" creationId="{21BDE488-6E9D-E141-9DE1-9E9DD95D6C3A}"/>
          </ac:picMkLst>
        </pc:picChg>
        <pc:picChg chg="add mod">
          <ac:chgData name="Daly Donnacha HSLU I" userId="0f22e960-400a-43ff-baeb-4828c8f5cd3a" providerId="ADAL" clId="{F92A1029-2E60-6441-884F-09EADECCDF72}" dt="2021-03-01T20:51:38.048" v="2296" actId="1035"/>
          <ac:picMkLst>
            <pc:docMk/>
            <pc:sldMk cId="2355077156" sldId="294"/>
            <ac:picMk id="2082" creationId="{20F9E2AF-407A-AF4E-AE30-D5402DB2F800}"/>
          </ac:picMkLst>
        </pc:picChg>
        <pc:cxnChg chg="add mod">
          <ac:chgData name="Daly Donnacha HSLU I" userId="0f22e960-400a-43ff-baeb-4828c8f5cd3a" providerId="ADAL" clId="{F92A1029-2E60-6441-884F-09EADECCDF72}" dt="2021-03-01T20:54:00.874" v="2316" actId="1035"/>
          <ac:cxnSpMkLst>
            <pc:docMk/>
            <pc:sldMk cId="2355077156" sldId="294"/>
            <ac:cxnSpMk id="12" creationId="{2AA8E5F8-91BC-6F4A-8628-7439E4503F5A}"/>
          </ac:cxnSpMkLst>
        </pc:cxnChg>
        <pc:cxnChg chg="add mod">
          <ac:chgData name="Daly Donnacha HSLU I" userId="0f22e960-400a-43ff-baeb-4828c8f5cd3a" providerId="ADAL" clId="{F92A1029-2E60-6441-884F-09EADECCDF72}" dt="2021-03-01T20:58:50.516" v="2432" actId="14100"/>
          <ac:cxnSpMkLst>
            <pc:docMk/>
            <pc:sldMk cId="2355077156" sldId="294"/>
            <ac:cxnSpMk id="20" creationId="{0B8A4B80-4A3C-EA4C-8F65-F0A5C99A7C4C}"/>
          </ac:cxnSpMkLst>
        </pc:cxnChg>
        <pc:cxnChg chg="add mod">
          <ac:chgData name="Daly Donnacha HSLU I" userId="0f22e960-400a-43ff-baeb-4828c8f5cd3a" providerId="ADAL" clId="{F92A1029-2E60-6441-884F-09EADECCDF72}" dt="2021-03-01T20:59:55.162" v="2440" actId="208"/>
          <ac:cxnSpMkLst>
            <pc:docMk/>
            <pc:sldMk cId="2355077156" sldId="294"/>
            <ac:cxnSpMk id="40" creationId="{B97CAECC-31B2-A546-9F00-B57CC5CAACB0}"/>
          </ac:cxnSpMkLst>
        </pc:cxnChg>
        <pc:cxnChg chg="add mod">
          <ac:chgData name="Daly Donnacha HSLU I" userId="0f22e960-400a-43ff-baeb-4828c8f5cd3a" providerId="ADAL" clId="{F92A1029-2E60-6441-884F-09EADECCDF72}" dt="2021-03-01T20:54:24.126" v="2317" actId="14100"/>
          <ac:cxnSpMkLst>
            <pc:docMk/>
            <pc:sldMk cId="2355077156" sldId="294"/>
            <ac:cxnSpMk id="54" creationId="{BE59CBC3-D5B1-6541-8517-E03D3384BCB9}"/>
          </ac:cxnSpMkLst>
        </pc:cxnChg>
        <pc:cxnChg chg="add mod">
          <ac:chgData name="Daly Donnacha HSLU I" userId="0f22e960-400a-43ff-baeb-4828c8f5cd3a" providerId="ADAL" clId="{F92A1029-2E60-6441-884F-09EADECCDF72}" dt="2021-03-01T21:00:12.008" v="2444" actId="1076"/>
          <ac:cxnSpMkLst>
            <pc:docMk/>
            <pc:sldMk cId="2355077156" sldId="294"/>
            <ac:cxnSpMk id="71" creationId="{8CD84E3E-A106-7B43-9940-866D90F5EA5F}"/>
          </ac:cxnSpMkLst>
        </pc:cxnChg>
      </pc:sldChg>
      <pc:sldChg chg="addSp delSp modSp add mod">
        <pc:chgData name="Daly Donnacha HSLU I" userId="0f22e960-400a-43ff-baeb-4828c8f5cd3a" providerId="ADAL" clId="{F92A1029-2E60-6441-884F-09EADECCDF72}" dt="2021-03-02T06:41:12.577" v="2909" actId="693"/>
        <pc:sldMkLst>
          <pc:docMk/>
          <pc:sldMk cId="1386984437" sldId="295"/>
        </pc:sldMkLst>
        <pc:spChg chg="mod">
          <ac:chgData name="Daly Donnacha HSLU I" userId="0f22e960-400a-43ff-baeb-4828c8f5cd3a" providerId="ADAL" clId="{F92A1029-2E60-6441-884F-09EADECCDF72}" dt="2021-03-02T06:21:48.118" v="2621" actId="20577"/>
          <ac:spMkLst>
            <pc:docMk/>
            <pc:sldMk cId="1386984437" sldId="295"/>
            <ac:spMk id="2" creationId="{65172897-2705-C543-ABB6-B539F62DBC53}"/>
          </ac:spMkLst>
        </pc:spChg>
        <pc:spChg chg="add mod">
          <ac:chgData name="Daly Donnacha HSLU I" userId="0f22e960-400a-43ff-baeb-4828c8f5cd3a" providerId="ADAL" clId="{F92A1029-2E60-6441-884F-09EADECCDF72}" dt="2021-03-02T06:23:37.539" v="2691" actId="14100"/>
          <ac:spMkLst>
            <pc:docMk/>
            <pc:sldMk cId="1386984437" sldId="295"/>
            <ac:spMk id="6" creationId="{0A272B3D-269A-F546-AF84-ACD657DA41A2}"/>
          </ac:spMkLst>
        </pc:spChg>
        <pc:spChg chg="add mod">
          <ac:chgData name="Daly Donnacha HSLU I" userId="0f22e960-400a-43ff-baeb-4828c8f5cd3a" providerId="ADAL" clId="{F92A1029-2E60-6441-884F-09EADECCDF72}" dt="2021-03-02T06:30:24.339" v="2738" actId="14100"/>
          <ac:spMkLst>
            <pc:docMk/>
            <pc:sldMk cId="1386984437" sldId="295"/>
            <ac:spMk id="7" creationId="{AD1891F7-AE23-6D40-B4EA-C3F4BF36E0E8}"/>
          </ac:spMkLst>
        </pc:spChg>
        <pc:spChg chg="add mod">
          <ac:chgData name="Daly Donnacha HSLU I" userId="0f22e960-400a-43ff-baeb-4828c8f5cd3a" providerId="ADAL" clId="{F92A1029-2E60-6441-884F-09EADECCDF72}" dt="2021-03-02T06:24:46.323" v="2704" actId="14100"/>
          <ac:spMkLst>
            <pc:docMk/>
            <pc:sldMk cId="1386984437" sldId="295"/>
            <ac:spMk id="8" creationId="{CA0E4EBF-6B45-474E-8F48-F42FCCF3D922}"/>
          </ac:spMkLst>
        </pc:spChg>
        <pc:spChg chg="add mod">
          <ac:chgData name="Daly Donnacha HSLU I" userId="0f22e960-400a-43ff-baeb-4828c8f5cd3a" providerId="ADAL" clId="{F92A1029-2E60-6441-884F-09EADECCDF72}" dt="2021-03-02T06:25:39.714" v="2716" actId="14100"/>
          <ac:spMkLst>
            <pc:docMk/>
            <pc:sldMk cId="1386984437" sldId="295"/>
            <ac:spMk id="9" creationId="{408918E0-9B17-E84D-AD72-F6D97C7E050D}"/>
          </ac:spMkLst>
        </pc:spChg>
        <pc:spChg chg="add mod">
          <ac:chgData name="Daly Donnacha HSLU I" userId="0f22e960-400a-43ff-baeb-4828c8f5cd3a" providerId="ADAL" clId="{F92A1029-2E60-6441-884F-09EADECCDF72}" dt="2021-03-02T06:25:23.838" v="2712" actId="14100"/>
          <ac:spMkLst>
            <pc:docMk/>
            <pc:sldMk cId="1386984437" sldId="295"/>
            <ac:spMk id="10" creationId="{A7AFBFC7-68E7-AC49-9BCB-FF6B5EDAAC5C}"/>
          </ac:spMkLst>
        </pc:spChg>
        <pc:spChg chg="add mod">
          <ac:chgData name="Daly Donnacha HSLU I" userId="0f22e960-400a-43ff-baeb-4828c8f5cd3a" providerId="ADAL" clId="{F92A1029-2E60-6441-884F-09EADECCDF72}" dt="2021-03-02T06:30:19.501" v="2737" actId="14100"/>
          <ac:spMkLst>
            <pc:docMk/>
            <pc:sldMk cId="1386984437" sldId="295"/>
            <ac:spMk id="12" creationId="{75D5EF05-7816-EB4F-B756-040A7A76A762}"/>
          </ac:spMkLst>
        </pc:spChg>
        <pc:spChg chg="add mod">
          <ac:chgData name="Daly Donnacha HSLU I" userId="0f22e960-400a-43ff-baeb-4828c8f5cd3a" providerId="ADAL" clId="{F92A1029-2E60-6441-884F-09EADECCDF72}" dt="2021-03-02T06:41:05.469" v="2908" actId="108"/>
          <ac:spMkLst>
            <pc:docMk/>
            <pc:sldMk cId="1386984437" sldId="295"/>
            <ac:spMk id="15" creationId="{6029906E-8ED1-0B41-92F6-423B51040FD0}"/>
          </ac:spMkLst>
        </pc:spChg>
        <pc:spChg chg="add mod">
          <ac:chgData name="Daly Donnacha HSLU I" userId="0f22e960-400a-43ff-baeb-4828c8f5cd3a" providerId="ADAL" clId="{F92A1029-2E60-6441-884F-09EADECCDF72}" dt="2021-03-02T06:41:05.469" v="2908" actId="108"/>
          <ac:spMkLst>
            <pc:docMk/>
            <pc:sldMk cId="1386984437" sldId="295"/>
            <ac:spMk id="16" creationId="{16B71227-6E99-184D-BAC0-1FDF77F74D9A}"/>
          </ac:spMkLst>
        </pc:spChg>
        <pc:spChg chg="add mod">
          <ac:chgData name="Daly Donnacha HSLU I" userId="0f22e960-400a-43ff-baeb-4828c8f5cd3a" providerId="ADAL" clId="{F92A1029-2E60-6441-884F-09EADECCDF72}" dt="2021-03-02T06:41:05.469" v="2908" actId="108"/>
          <ac:spMkLst>
            <pc:docMk/>
            <pc:sldMk cId="1386984437" sldId="295"/>
            <ac:spMk id="17" creationId="{A4DBF68A-5968-7A42-B480-2AAD20ACE85B}"/>
          </ac:spMkLst>
        </pc:spChg>
        <pc:grpChg chg="add mod">
          <ac:chgData name="Daly Donnacha HSLU I" userId="0f22e960-400a-43ff-baeb-4828c8f5cd3a" providerId="ADAL" clId="{F92A1029-2E60-6441-884F-09EADECCDF72}" dt="2021-03-02T06:33:10.678" v="2873" actId="1037"/>
          <ac:grpSpMkLst>
            <pc:docMk/>
            <pc:sldMk cId="1386984437" sldId="295"/>
            <ac:grpSpMk id="18" creationId="{BEA07641-09DE-D44B-9908-EDA4AB9A503C}"/>
          </ac:grpSpMkLst>
        </pc:grpChg>
        <pc:picChg chg="del mod">
          <ac:chgData name="Daly Donnacha HSLU I" userId="0f22e960-400a-43ff-baeb-4828c8f5cd3a" providerId="ADAL" clId="{F92A1029-2E60-6441-884F-09EADECCDF72}" dt="2021-03-02T06:20:41.847" v="2555" actId="478"/>
          <ac:picMkLst>
            <pc:docMk/>
            <pc:sldMk cId="1386984437" sldId="295"/>
            <ac:picMk id="4" creationId="{36706ED2-E02F-3D4E-A424-9198E90B976D}"/>
          </ac:picMkLst>
        </pc:picChg>
        <pc:picChg chg="add mod">
          <ac:chgData name="Daly Donnacha HSLU I" userId="0f22e960-400a-43ff-baeb-4828c8f5cd3a" providerId="ADAL" clId="{F92A1029-2E60-6441-884F-09EADECCDF72}" dt="2021-03-02T06:22:04.271" v="2622"/>
          <ac:picMkLst>
            <pc:docMk/>
            <pc:sldMk cId="1386984437" sldId="295"/>
            <ac:picMk id="5" creationId="{6DA9D8AE-7580-2242-940B-A79D488576DD}"/>
          </ac:picMkLst>
        </pc:picChg>
        <pc:picChg chg="add mod">
          <ac:chgData name="Daly Donnacha HSLU I" userId="0f22e960-400a-43ff-baeb-4828c8f5cd3a" providerId="ADAL" clId="{F92A1029-2E60-6441-884F-09EADECCDF72}" dt="2021-03-02T06:25:36.157" v="2715" actId="571"/>
          <ac:picMkLst>
            <pc:docMk/>
            <pc:sldMk cId="1386984437" sldId="295"/>
            <ac:picMk id="11" creationId="{96D76106-FA68-474E-9D09-3086C7DE0C62}"/>
          </ac:picMkLst>
        </pc:picChg>
        <pc:cxnChg chg="add mod">
          <ac:chgData name="Daly Donnacha HSLU I" userId="0f22e960-400a-43ff-baeb-4828c8f5cd3a" providerId="ADAL" clId="{F92A1029-2E60-6441-884F-09EADECCDF72}" dt="2021-03-02T06:41:05.469" v="2908" actId="108"/>
          <ac:cxnSpMkLst>
            <pc:docMk/>
            <pc:sldMk cId="1386984437" sldId="295"/>
            <ac:cxnSpMk id="13" creationId="{30C10A7F-8353-DC43-BD4A-B5E0F0F6C8F9}"/>
          </ac:cxnSpMkLst>
        </pc:cxnChg>
        <pc:cxnChg chg="add mod">
          <ac:chgData name="Daly Donnacha HSLU I" userId="0f22e960-400a-43ff-baeb-4828c8f5cd3a" providerId="ADAL" clId="{F92A1029-2E60-6441-884F-09EADECCDF72}" dt="2021-03-02T06:41:12.577" v="2909" actId="693"/>
          <ac:cxnSpMkLst>
            <pc:docMk/>
            <pc:sldMk cId="1386984437" sldId="295"/>
            <ac:cxnSpMk id="14" creationId="{F8A1E844-8923-D448-9646-4BC56E427FA7}"/>
          </ac:cxnSpMkLst>
        </pc:cxnChg>
      </pc:sldChg>
      <pc:sldChg chg="addSp delSp modSp add mod">
        <pc:chgData name="Daly Donnacha HSLU I" userId="0f22e960-400a-43ff-baeb-4828c8f5cd3a" providerId="ADAL" clId="{F92A1029-2E60-6441-884F-09EADECCDF72}" dt="2021-03-02T06:41:27.413" v="2910" actId="693"/>
        <pc:sldMkLst>
          <pc:docMk/>
          <pc:sldMk cId="1051843241" sldId="296"/>
        </pc:sldMkLst>
        <pc:spChg chg="mod">
          <ac:chgData name="Daly Donnacha HSLU I" userId="0f22e960-400a-43ff-baeb-4828c8f5cd3a" providerId="ADAL" clId="{F92A1029-2E60-6441-884F-09EADECCDF72}" dt="2021-03-02T06:34:37.662" v="2877" actId="20577"/>
          <ac:spMkLst>
            <pc:docMk/>
            <pc:sldMk cId="1051843241" sldId="296"/>
            <ac:spMk id="2" creationId="{65172897-2705-C543-ABB6-B539F62DBC53}"/>
          </ac:spMkLst>
        </pc:spChg>
        <pc:spChg chg="mod">
          <ac:chgData name="Daly Donnacha HSLU I" userId="0f22e960-400a-43ff-baeb-4828c8f5cd3a" providerId="ADAL" clId="{F92A1029-2E60-6441-884F-09EADECCDF72}" dt="2021-03-02T06:38:41.253" v="2898" actId="14100"/>
          <ac:spMkLst>
            <pc:docMk/>
            <pc:sldMk cId="1051843241" sldId="296"/>
            <ac:spMk id="6" creationId="{0A272B3D-269A-F546-AF84-ACD657DA41A2}"/>
          </ac:spMkLst>
        </pc:spChg>
        <pc:spChg chg="del">
          <ac:chgData name="Daly Donnacha HSLU I" userId="0f22e960-400a-43ff-baeb-4828c8f5cd3a" providerId="ADAL" clId="{F92A1029-2E60-6441-884F-09EADECCDF72}" dt="2021-03-02T06:38:26.184" v="2893" actId="478"/>
          <ac:spMkLst>
            <pc:docMk/>
            <pc:sldMk cId="1051843241" sldId="296"/>
            <ac:spMk id="7" creationId="{AD1891F7-AE23-6D40-B4EA-C3F4BF36E0E8}"/>
          </ac:spMkLst>
        </pc:spChg>
        <pc:spChg chg="mod">
          <ac:chgData name="Daly Donnacha HSLU I" userId="0f22e960-400a-43ff-baeb-4828c8f5cd3a" providerId="ADAL" clId="{F92A1029-2E60-6441-884F-09EADECCDF72}" dt="2021-03-02T06:37:31.222" v="2885" actId="14100"/>
          <ac:spMkLst>
            <pc:docMk/>
            <pc:sldMk cId="1051843241" sldId="296"/>
            <ac:spMk id="8" creationId="{CA0E4EBF-6B45-474E-8F48-F42FCCF3D922}"/>
          </ac:spMkLst>
        </pc:spChg>
        <pc:spChg chg="mod">
          <ac:chgData name="Daly Donnacha HSLU I" userId="0f22e960-400a-43ff-baeb-4828c8f5cd3a" providerId="ADAL" clId="{F92A1029-2E60-6441-884F-09EADECCDF72}" dt="2021-03-02T06:38:11.485" v="2890" actId="14100"/>
          <ac:spMkLst>
            <pc:docMk/>
            <pc:sldMk cId="1051843241" sldId="296"/>
            <ac:spMk id="9" creationId="{408918E0-9B17-E84D-AD72-F6D97C7E050D}"/>
          </ac:spMkLst>
        </pc:spChg>
        <pc:spChg chg="mod">
          <ac:chgData name="Daly Donnacha HSLU I" userId="0f22e960-400a-43ff-baeb-4828c8f5cd3a" providerId="ADAL" clId="{F92A1029-2E60-6441-884F-09EADECCDF72}" dt="2021-03-02T06:37:25.060" v="2883" actId="1076"/>
          <ac:spMkLst>
            <pc:docMk/>
            <pc:sldMk cId="1051843241" sldId="296"/>
            <ac:spMk id="10" creationId="{A7AFBFC7-68E7-AC49-9BCB-FF6B5EDAAC5C}"/>
          </ac:spMkLst>
        </pc:spChg>
        <pc:spChg chg="del">
          <ac:chgData name="Daly Donnacha HSLU I" userId="0f22e960-400a-43ff-baeb-4828c8f5cd3a" providerId="ADAL" clId="{F92A1029-2E60-6441-884F-09EADECCDF72}" dt="2021-03-02T06:38:34.168" v="2896" actId="478"/>
          <ac:spMkLst>
            <pc:docMk/>
            <pc:sldMk cId="1051843241" sldId="296"/>
            <ac:spMk id="12" creationId="{75D5EF05-7816-EB4F-B756-040A7A76A762}"/>
          </ac:spMkLst>
        </pc:spChg>
        <pc:spChg chg="add mod">
          <ac:chgData name="Daly Donnacha HSLU I" userId="0f22e960-400a-43ff-baeb-4828c8f5cd3a" providerId="ADAL" clId="{F92A1029-2E60-6441-884F-09EADECCDF72}" dt="2021-03-02T06:40:03.386" v="2902" actId="14100"/>
          <ac:spMkLst>
            <pc:docMk/>
            <pc:sldMk cId="1051843241" sldId="296"/>
            <ac:spMk id="19" creationId="{6F39E73C-C14A-CB48-B4EE-10DBC1DBBC20}"/>
          </ac:spMkLst>
        </pc:spChg>
        <pc:spChg chg="add mod">
          <ac:chgData name="Daly Donnacha HSLU I" userId="0f22e960-400a-43ff-baeb-4828c8f5cd3a" providerId="ADAL" clId="{F92A1029-2E60-6441-884F-09EADECCDF72}" dt="2021-03-02T06:40:11.624" v="2903" actId="693"/>
          <ac:spMkLst>
            <pc:docMk/>
            <pc:sldMk cId="1051843241" sldId="296"/>
            <ac:spMk id="20" creationId="{603C2E89-2615-704B-9813-470E7D373A85}"/>
          </ac:spMkLst>
        </pc:spChg>
        <pc:spChg chg="add mod">
          <ac:chgData name="Daly Donnacha HSLU I" userId="0f22e960-400a-43ff-baeb-4828c8f5cd3a" providerId="ADAL" clId="{F92A1029-2E60-6441-884F-09EADECCDF72}" dt="2021-03-02T06:40:34.383" v="2906" actId="14100"/>
          <ac:spMkLst>
            <pc:docMk/>
            <pc:sldMk cId="1051843241" sldId="296"/>
            <ac:spMk id="21" creationId="{71872372-DC21-B441-BF8B-25C6FCC0C820}"/>
          </ac:spMkLst>
        </pc:spChg>
        <pc:picChg chg="mod">
          <ac:chgData name="Daly Donnacha HSLU I" userId="0f22e960-400a-43ff-baeb-4828c8f5cd3a" providerId="ADAL" clId="{F92A1029-2E60-6441-884F-09EADECCDF72}" dt="2021-03-02T06:38:32.554" v="2895" actId="108"/>
          <ac:picMkLst>
            <pc:docMk/>
            <pc:sldMk cId="1051843241" sldId="296"/>
            <ac:picMk id="5" creationId="{6DA9D8AE-7580-2242-940B-A79D488576DD}"/>
          </ac:picMkLst>
        </pc:picChg>
        <pc:cxnChg chg="mod">
          <ac:chgData name="Daly Donnacha HSLU I" userId="0f22e960-400a-43ff-baeb-4828c8f5cd3a" providerId="ADAL" clId="{F92A1029-2E60-6441-884F-09EADECCDF72}" dt="2021-03-02T06:41:27.413" v="2910" actId="693"/>
          <ac:cxnSpMkLst>
            <pc:docMk/>
            <pc:sldMk cId="1051843241" sldId="296"/>
            <ac:cxnSpMk id="14" creationId="{F8A1E844-8923-D448-9646-4BC56E427FA7}"/>
          </ac:cxnSpMkLst>
        </pc:cxnChg>
      </pc:sldChg>
      <pc:sldChg chg="addSp delSp modSp new mod">
        <pc:chgData name="Daly Donnacha HSLU I" userId="0f22e960-400a-43ff-baeb-4828c8f5cd3a" providerId="ADAL" clId="{F92A1029-2E60-6441-884F-09EADECCDF72}" dt="2021-03-02T06:57:46.160" v="3236" actId="207"/>
        <pc:sldMkLst>
          <pc:docMk/>
          <pc:sldMk cId="425682969" sldId="297"/>
        </pc:sldMkLst>
        <pc:spChg chg="mod">
          <ac:chgData name="Daly Donnacha HSLU I" userId="0f22e960-400a-43ff-baeb-4828c8f5cd3a" providerId="ADAL" clId="{F92A1029-2E60-6441-884F-09EADECCDF72}" dt="2021-03-02T06:50:57.438" v="3027" actId="20577"/>
          <ac:spMkLst>
            <pc:docMk/>
            <pc:sldMk cId="425682969" sldId="297"/>
            <ac:spMk id="2" creationId="{E3274119-7E07-5B4B-936E-B4239D28D8AF}"/>
          </ac:spMkLst>
        </pc:spChg>
        <pc:spChg chg="add mod">
          <ac:chgData name="Daly Donnacha HSLU I" userId="0f22e960-400a-43ff-baeb-4828c8f5cd3a" providerId="ADAL" clId="{F92A1029-2E60-6441-884F-09EADECCDF72}" dt="2021-03-02T06:56:02.082" v="3092" actId="207"/>
          <ac:spMkLst>
            <pc:docMk/>
            <pc:sldMk cId="425682969" sldId="297"/>
            <ac:spMk id="4" creationId="{ECC18BF8-BDE6-E34E-AF72-7F367C7C09EE}"/>
          </ac:spMkLst>
        </pc:spChg>
        <pc:spChg chg="add mod">
          <ac:chgData name="Daly Donnacha HSLU I" userId="0f22e960-400a-43ff-baeb-4828c8f5cd3a" providerId="ADAL" clId="{F92A1029-2E60-6441-884F-09EADECCDF72}" dt="2021-03-02T06:57:46.160" v="3236" actId="207"/>
          <ac:spMkLst>
            <pc:docMk/>
            <pc:sldMk cId="425682969" sldId="297"/>
            <ac:spMk id="7" creationId="{25396CD8-B56A-CD46-994B-A4875FF74B5C}"/>
          </ac:spMkLst>
        </pc:spChg>
        <pc:picChg chg="add mod">
          <ac:chgData name="Daly Donnacha HSLU I" userId="0f22e960-400a-43ff-baeb-4828c8f5cd3a" providerId="ADAL" clId="{F92A1029-2E60-6441-884F-09EADECCDF72}" dt="2021-03-02T06:56:19.065" v="3104" actId="1035"/>
          <ac:picMkLst>
            <pc:docMk/>
            <pc:sldMk cId="425682969" sldId="297"/>
            <ac:picMk id="3" creationId="{02BA85A2-6BE1-4445-A7F6-1CBDFF27F9C4}"/>
          </ac:picMkLst>
        </pc:picChg>
        <pc:picChg chg="add del mod">
          <ac:chgData name="Daly Donnacha HSLU I" userId="0f22e960-400a-43ff-baeb-4828c8f5cd3a" providerId="ADAL" clId="{F92A1029-2E60-6441-884F-09EADECCDF72}" dt="2021-03-02T06:56:36.521" v="3107" actId="478"/>
          <ac:picMkLst>
            <pc:docMk/>
            <pc:sldMk cId="425682969" sldId="297"/>
            <ac:picMk id="5" creationId="{9B0AF857-7998-784B-AF1A-D8E88B8011BB}"/>
          </ac:picMkLst>
        </pc:picChg>
        <pc:picChg chg="add mod">
          <ac:chgData name="Daly Donnacha HSLU I" userId="0f22e960-400a-43ff-baeb-4828c8f5cd3a" providerId="ADAL" clId="{F92A1029-2E60-6441-884F-09EADECCDF72}" dt="2021-03-02T06:56:34.869" v="3106" actId="571"/>
          <ac:picMkLst>
            <pc:docMk/>
            <pc:sldMk cId="425682969" sldId="297"/>
            <ac:picMk id="6" creationId="{56A6386A-E2E1-0A44-BC8C-6EA0B7E991E3}"/>
          </ac:picMkLst>
        </pc:picChg>
      </pc:sldChg>
      <pc:sldChg chg="addSp modSp new mod">
        <pc:chgData name="Daly Donnacha HSLU I" userId="0f22e960-400a-43ff-baeb-4828c8f5cd3a" providerId="ADAL" clId="{F92A1029-2E60-6441-884F-09EADECCDF72}" dt="2021-03-02T07:57:13.133" v="4087" actId="207"/>
        <pc:sldMkLst>
          <pc:docMk/>
          <pc:sldMk cId="1894432701" sldId="298"/>
        </pc:sldMkLst>
        <pc:spChg chg="mod">
          <ac:chgData name="Daly Donnacha HSLU I" userId="0f22e960-400a-43ff-baeb-4828c8f5cd3a" providerId="ADAL" clId="{F92A1029-2E60-6441-884F-09EADECCDF72}" dt="2021-03-02T07:50:02.372" v="3962" actId="20577"/>
          <ac:spMkLst>
            <pc:docMk/>
            <pc:sldMk cId="1894432701" sldId="298"/>
            <ac:spMk id="2" creationId="{1517E8B7-E9E6-174B-A9DF-31509F0AA8F8}"/>
          </ac:spMkLst>
        </pc:spChg>
        <pc:spChg chg="add mod">
          <ac:chgData name="Daly Donnacha HSLU I" userId="0f22e960-400a-43ff-baeb-4828c8f5cd3a" providerId="ADAL" clId="{F92A1029-2E60-6441-884F-09EADECCDF72}" dt="2021-03-02T07:56:05.964" v="4085" actId="1076"/>
          <ac:spMkLst>
            <pc:docMk/>
            <pc:sldMk cId="1894432701" sldId="298"/>
            <ac:spMk id="5" creationId="{CA8A4E75-1768-F047-AE41-D203AE93860F}"/>
          </ac:spMkLst>
        </pc:spChg>
        <pc:graphicFrameChg chg="add mod modGraphic">
          <ac:chgData name="Daly Donnacha HSLU I" userId="0f22e960-400a-43ff-baeb-4828c8f5cd3a" providerId="ADAL" clId="{F92A1029-2E60-6441-884F-09EADECCDF72}" dt="2021-03-02T07:57:13.133" v="4087" actId="207"/>
          <ac:graphicFrameMkLst>
            <pc:docMk/>
            <pc:sldMk cId="1894432701" sldId="298"/>
            <ac:graphicFrameMk id="3" creationId="{92A050C3-2743-BA4C-9C4B-136C5D6C06E1}"/>
          </ac:graphicFrameMkLst>
        </pc:graphicFrameChg>
        <pc:picChg chg="add mod">
          <ac:chgData name="Daly Donnacha HSLU I" userId="0f22e960-400a-43ff-baeb-4828c8f5cd3a" providerId="ADAL" clId="{F92A1029-2E60-6441-884F-09EADECCDF72}" dt="2021-03-02T07:54:41.612" v="4070" actId="1037"/>
          <ac:picMkLst>
            <pc:docMk/>
            <pc:sldMk cId="1894432701" sldId="298"/>
            <ac:picMk id="4" creationId="{1DA05908-5D67-B643-8181-BD7ABD263601}"/>
          </ac:picMkLst>
        </pc:picChg>
      </pc:sldChg>
      <pc:sldChg chg="addSp delSp modSp add mod ord">
        <pc:chgData name="Daly Donnacha HSLU I" userId="0f22e960-400a-43ff-baeb-4828c8f5cd3a" providerId="ADAL" clId="{F92A1029-2E60-6441-884F-09EADECCDF72}" dt="2021-03-02T13:25:29.177" v="4549" actId="207"/>
        <pc:sldMkLst>
          <pc:docMk/>
          <pc:sldMk cId="2758903276" sldId="299"/>
        </pc:sldMkLst>
        <pc:spChg chg="mod">
          <ac:chgData name="Daly Donnacha HSLU I" userId="0f22e960-400a-43ff-baeb-4828c8f5cd3a" providerId="ADAL" clId="{F92A1029-2E60-6441-884F-09EADECCDF72}" dt="2021-03-02T08:18:19.207" v="4225" actId="20577"/>
          <ac:spMkLst>
            <pc:docMk/>
            <pc:sldMk cId="2758903276" sldId="299"/>
            <ac:spMk id="2" creationId="{20D630F6-2A57-BE40-9978-CA4A7ED03567}"/>
          </ac:spMkLst>
        </pc:spChg>
        <pc:spChg chg="del">
          <ac:chgData name="Daly Donnacha HSLU I" userId="0f22e960-400a-43ff-baeb-4828c8f5cd3a" providerId="ADAL" clId="{F92A1029-2E60-6441-884F-09EADECCDF72}" dt="2021-03-02T08:18:34.826" v="4226" actId="478"/>
          <ac:spMkLst>
            <pc:docMk/>
            <pc:sldMk cId="2758903276" sldId="299"/>
            <ac:spMk id="3" creationId="{44D1A7DD-218B-FE4E-BE77-74A9B997A6BA}"/>
          </ac:spMkLst>
        </pc:spChg>
        <pc:spChg chg="mod">
          <ac:chgData name="Daly Donnacha HSLU I" userId="0f22e960-400a-43ff-baeb-4828c8f5cd3a" providerId="ADAL" clId="{F92A1029-2E60-6441-884F-09EADECCDF72}" dt="2021-03-02T13:09:14.816" v="4299" actId="1076"/>
          <ac:spMkLst>
            <pc:docMk/>
            <pc:sldMk cId="2758903276" sldId="299"/>
            <ac:spMk id="4" creationId="{58DCA8E0-AACA-DA40-96A3-85204801C88F}"/>
          </ac:spMkLst>
        </pc:spChg>
        <pc:spChg chg="del">
          <ac:chgData name="Daly Donnacha HSLU I" userId="0f22e960-400a-43ff-baeb-4828c8f5cd3a" providerId="ADAL" clId="{F92A1029-2E60-6441-884F-09EADECCDF72}" dt="2021-03-02T08:18:38.396" v="4227" actId="478"/>
          <ac:spMkLst>
            <pc:docMk/>
            <pc:sldMk cId="2758903276" sldId="299"/>
            <ac:spMk id="6" creationId="{21511A7E-171F-9F4B-AF82-551B86C04022}"/>
          </ac:spMkLst>
        </pc:spChg>
        <pc:spChg chg="add mod">
          <ac:chgData name="Daly Donnacha HSLU I" userId="0f22e960-400a-43ff-baeb-4828c8f5cd3a" providerId="ADAL" clId="{F92A1029-2E60-6441-884F-09EADECCDF72}" dt="2021-03-02T13:06:51.350" v="4280" actId="14100"/>
          <ac:spMkLst>
            <pc:docMk/>
            <pc:sldMk cId="2758903276" sldId="299"/>
            <ac:spMk id="7" creationId="{80594718-D365-E543-92B8-23810B06D084}"/>
          </ac:spMkLst>
        </pc:spChg>
        <pc:spChg chg="add mod">
          <ac:chgData name="Daly Donnacha HSLU I" userId="0f22e960-400a-43ff-baeb-4828c8f5cd3a" providerId="ADAL" clId="{F92A1029-2E60-6441-884F-09EADECCDF72}" dt="2021-03-02T13:25:29.177" v="4549" actId="207"/>
          <ac:spMkLst>
            <pc:docMk/>
            <pc:sldMk cId="2758903276" sldId="299"/>
            <ac:spMk id="9" creationId="{7335D8A5-257F-4246-9A65-AE408D84496C}"/>
          </ac:spMkLst>
        </pc:spChg>
        <pc:spChg chg="add mod">
          <ac:chgData name="Daly Donnacha HSLU I" userId="0f22e960-400a-43ff-baeb-4828c8f5cd3a" providerId="ADAL" clId="{F92A1029-2E60-6441-884F-09EADECCDF72}" dt="2021-03-02T13:25:29.177" v="4549" actId="207"/>
          <ac:spMkLst>
            <pc:docMk/>
            <pc:sldMk cId="2758903276" sldId="299"/>
            <ac:spMk id="12" creationId="{12C30CD3-00DE-0A4C-8043-8AD258D67572}"/>
          </ac:spMkLst>
        </pc:spChg>
        <pc:graphicFrameChg chg="add del mod">
          <ac:chgData name="Daly Donnacha HSLU I" userId="0f22e960-400a-43ff-baeb-4828c8f5cd3a" providerId="ADAL" clId="{F92A1029-2E60-6441-884F-09EADECCDF72}" dt="2021-03-02T08:20:06.135" v="4251"/>
          <ac:graphicFrameMkLst>
            <pc:docMk/>
            <pc:sldMk cId="2758903276" sldId="299"/>
            <ac:graphicFrameMk id="5" creationId="{2A641D34-6B33-F04D-9472-DE8A8363BAD3}"/>
          </ac:graphicFrameMkLst>
        </pc:graphicFrameChg>
        <pc:picChg chg="add mod">
          <ac:chgData name="Daly Donnacha HSLU I" userId="0f22e960-400a-43ff-baeb-4828c8f5cd3a" providerId="ADAL" clId="{F92A1029-2E60-6441-884F-09EADECCDF72}" dt="2021-03-02T13:04:31.393" v="4260" actId="14100"/>
          <ac:picMkLst>
            <pc:docMk/>
            <pc:sldMk cId="2758903276" sldId="299"/>
            <ac:picMk id="8" creationId="{A46F714A-01A5-C543-BDDB-9EBB3811C4FB}"/>
          </ac:picMkLst>
        </pc:picChg>
        <pc:picChg chg="del">
          <ac:chgData name="Daly Donnacha HSLU I" userId="0f22e960-400a-43ff-baeb-4828c8f5cd3a" providerId="ADAL" clId="{F92A1029-2E60-6441-884F-09EADECCDF72}" dt="2021-03-02T08:21:34.735" v="4254" actId="478"/>
          <ac:picMkLst>
            <pc:docMk/>
            <pc:sldMk cId="2758903276" sldId="299"/>
            <ac:picMk id="1026" creationId="{BF9F4918-4722-8A43-8B79-DCF114195CFF}"/>
          </ac:picMkLst>
        </pc:picChg>
        <pc:picChg chg="add mod">
          <ac:chgData name="Daly Donnacha HSLU I" userId="0f22e960-400a-43ff-baeb-4828c8f5cd3a" providerId="ADAL" clId="{F92A1029-2E60-6441-884F-09EADECCDF72}" dt="2021-03-02T13:09:04.396" v="4295" actId="1076"/>
          <ac:picMkLst>
            <pc:docMk/>
            <pc:sldMk cId="2758903276" sldId="299"/>
            <ac:picMk id="1028" creationId="{DD3CBC1B-4278-0648-AAE4-597AC236DDAE}"/>
          </ac:picMkLst>
        </pc:picChg>
      </pc:sldChg>
      <pc:sldChg chg="addSp delSp modSp add mod">
        <pc:chgData name="Daly Donnacha HSLU I" userId="0f22e960-400a-43ff-baeb-4828c8f5cd3a" providerId="ADAL" clId="{F92A1029-2E60-6441-884F-09EADECCDF72}" dt="2021-03-02T13:25:33.679" v="4550" actId="207"/>
        <pc:sldMkLst>
          <pc:docMk/>
          <pc:sldMk cId="3911760799" sldId="300"/>
        </pc:sldMkLst>
        <pc:spChg chg="mod">
          <ac:chgData name="Daly Donnacha HSLU I" userId="0f22e960-400a-43ff-baeb-4828c8f5cd3a" providerId="ADAL" clId="{F92A1029-2E60-6441-884F-09EADECCDF72}" dt="2021-03-02T13:17:01.634" v="4464"/>
          <ac:spMkLst>
            <pc:docMk/>
            <pc:sldMk cId="3911760799" sldId="300"/>
            <ac:spMk id="2" creationId="{20D630F6-2A57-BE40-9978-CA4A7ED03567}"/>
          </ac:spMkLst>
        </pc:spChg>
        <pc:spChg chg="mod">
          <ac:chgData name="Daly Donnacha HSLU I" userId="0f22e960-400a-43ff-baeb-4828c8f5cd3a" providerId="ADAL" clId="{F92A1029-2E60-6441-884F-09EADECCDF72}" dt="2021-03-02T13:14:46.189" v="4432" actId="167"/>
          <ac:spMkLst>
            <pc:docMk/>
            <pc:sldMk cId="3911760799" sldId="300"/>
            <ac:spMk id="4" creationId="{58DCA8E0-AACA-DA40-96A3-85204801C88F}"/>
          </ac:spMkLst>
        </pc:spChg>
        <pc:spChg chg="mod">
          <ac:chgData name="Daly Donnacha HSLU I" userId="0f22e960-400a-43ff-baeb-4828c8f5cd3a" providerId="ADAL" clId="{F92A1029-2E60-6441-884F-09EADECCDF72}" dt="2021-03-02T13:16:39.543" v="4461" actId="20577"/>
          <ac:spMkLst>
            <pc:docMk/>
            <pc:sldMk cId="3911760799" sldId="300"/>
            <ac:spMk id="7" creationId="{80594718-D365-E543-92B8-23810B06D084}"/>
          </ac:spMkLst>
        </pc:spChg>
        <pc:spChg chg="mod">
          <ac:chgData name="Daly Donnacha HSLU I" userId="0f22e960-400a-43ff-baeb-4828c8f5cd3a" providerId="ADAL" clId="{F92A1029-2E60-6441-884F-09EADECCDF72}" dt="2021-03-02T13:25:33.679" v="4550" actId="207"/>
          <ac:spMkLst>
            <pc:docMk/>
            <pc:sldMk cId="3911760799" sldId="300"/>
            <ac:spMk id="9" creationId="{7335D8A5-257F-4246-9A65-AE408D84496C}"/>
          </ac:spMkLst>
        </pc:spChg>
        <pc:spChg chg="mod">
          <ac:chgData name="Daly Donnacha HSLU I" userId="0f22e960-400a-43ff-baeb-4828c8f5cd3a" providerId="ADAL" clId="{F92A1029-2E60-6441-884F-09EADECCDF72}" dt="2021-03-02T13:25:33.679" v="4550" actId="207"/>
          <ac:spMkLst>
            <pc:docMk/>
            <pc:sldMk cId="3911760799" sldId="300"/>
            <ac:spMk id="12" creationId="{12C30CD3-00DE-0A4C-8043-8AD258D67572}"/>
          </ac:spMkLst>
        </pc:spChg>
        <pc:picChg chg="del">
          <ac:chgData name="Daly Donnacha HSLU I" userId="0f22e960-400a-43ff-baeb-4828c8f5cd3a" providerId="ADAL" clId="{F92A1029-2E60-6441-884F-09EADECCDF72}" dt="2021-03-02T13:12:47.476" v="4377" actId="478"/>
          <ac:picMkLst>
            <pc:docMk/>
            <pc:sldMk cId="3911760799" sldId="300"/>
            <ac:picMk id="8" creationId="{A46F714A-01A5-C543-BDDB-9EBB3811C4FB}"/>
          </ac:picMkLst>
        </pc:picChg>
        <pc:picChg chg="add del mod">
          <ac:chgData name="Daly Donnacha HSLU I" userId="0f22e960-400a-43ff-baeb-4828c8f5cd3a" providerId="ADAL" clId="{F92A1029-2E60-6441-884F-09EADECCDF72}" dt="2021-03-02T13:13:23.373" v="4388" actId="1076"/>
          <ac:picMkLst>
            <pc:docMk/>
            <pc:sldMk cId="3911760799" sldId="300"/>
            <ac:picMk id="10" creationId="{691C7183-A82E-1E4A-BD83-A3C1306B339A}"/>
          </ac:picMkLst>
        </pc:picChg>
        <pc:picChg chg="add del">
          <ac:chgData name="Daly Donnacha HSLU I" userId="0f22e960-400a-43ff-baeb-4828c8f5cd3a" providerId="ADAL" clId="{F92A1029-2E60-6441-884F-09EADECCDF72}" dt="2021-03-02T13:14:42.301" v="4431" actId="478"/>
          <ac:picMkLst>
            <pc:docMk/>
            <pc:sldMk cId="3911760799" sldId="300"/>
            <ac:picMk id="1028" creationId="{DD3CBC1B-4278-0648-AAE4-597AC236DDAE}"/>
          </ac:picMkLst>
        </pc:picChg>
        <pc:picChg chg="add del">
          <ac:chgData name="Daly Donnacha HSLU I" userId="0f22e960-400a-43ff-baeb-4828c8f5cd3a" providerId="ADAL" clId="{F92A1029-2E60-6441-884F-09EADECCDF72}" dt="2021-03-02T13:14:23.681" v="4425"/>
          <ac:picMkLst>
            <pc:docMk/>
            <pc:sldMk cId="3911760799" sldId="300"/>
            <ac:picMk id="2050" creationId="{1AAC663F-A9B0-7343-9F23-FA795739E90B}"/>
          </ac:picMkLst>
        </pc:picChg>
        <pc:picChg chg="add mod">
          <ac:chgData name="Daly Donnacha HSLU I" userId="0f22e960-400a-43ff-baeb-4828c8f5cd3a" providerId="ADAL" clId="{F92A1029-2E60-6441-884F-09EADECCDF72}" dt="2021-03-02T13:14:39.168" v="4430" actId="167"/>
          <ac:picMkLst>
            <pc:docMk/>
            <pc:sldMk cId="3911760799" sldId="300"/>
            <ac:picMk id="2052" creationId="{AF9427A0-C795-C040-B274-A4E165269402}"/>
          </ac:picMkLst>
        </pc:picChg>
      </pc:sldChg>
      <pc:sldChg chg="addSp delSp modSp add mod">
        <pc:chgData name="Daly Donnacha HSLU I" userId="0f22e960-400a-43ff-baeb-4828c8f5cd3a" providerId="ADAL" clId="{F92A1029-2E60-6441-884F-09EADECCDF72}" dt="2021-03-02T13:25:37.616" v="4551" actId="207"/>
        <pc:sldMkLst>
          <pc:docMk/>
          <pc:sldMk cId="3633286550" sldId="301"/>
        </pc:sldMkLst>
        <pc:spChg chg="mod">
          <ac:chgData name="Daly Donnacha HSLU I" userId="0f22e960-400a-43ff-baeb-4828c8f5cd3a" providerId="ADAL" clId="{F92A1029-2E60-6441-884F-09EADECCDF72}" dt="2021-03-02T13:17:57.097" v="4493" actId="20577"/>
          <ac:spMkLst>
            <pc:docMk/>
            <pc:sldMk cId="3633286550" sldId="301"/>
            <ac:spMk id="2" creationId="{20D630F6-2A57-BE40-9978-CA4A7ED03567}"/>
          </ac:spMkLst>
        </pc:spChg>
        <pc:spChg chg="mod">
          <ac:chgData name="Daly Donnacha HSLU I" userId="0f22e960-400a-43ff-baeb-4828c8f5cd3a" providerId="ADAL" clId="{F92A1029-2E60-6441-884F-09EADECCDF72}" dt="2021-03-02T13:20:42.478" v="4519" actId="167"/>
          <ac:spMkLst>
            <pc:docMk/>
            <pc:sldMk cId="3633286550" sldId="301"/>
            <ac:spMk id="4" creationId="{58DCA8E0-AACA-DA40-96A3-85204801C88F}"/>
          </ac:spMkLst>
        </pc:spChg>
        <pc:spChg chg="mod">
          <ac:chgData name="Daly Donnacha HSLU I" userId="0f22e960-400a-43ff-baeb-4828c8f5cd3a" providerId="ADAL" clId="{F92A1029-2E60-6441-884F-09EADECCDF72}" dt="2021-03-02T13:19:07.766" v="4499"/>
          <ac:spMkLst>
            <pc:docMk/>
            <pc:sldMk cId="3633286550" sldId="301"/>
            <ac:spMk id="7" creationId="{80594718-D365-E543-92B8-23810B06D084}"/>
          </ac:spMkLst>
        </pc:spChg>
        <pc:spChg chg="mod">
          <ac:chgData name="Daly Donnacha HSLU I" userId="0f22e960-400a-43ff-baeb-4828c8f5cd3a" providerId="ADAL" clId="{F92A1029-2E60-6441-884F-09EADECCDF72}" dt="2021-03-02T13:25:37.616" v="4551" actId="207"/>
          <ac:spMkLst>
            <pc:docMk/>
            <pc:sldMk cId="3633286550" sldId="301"/>
            <ac:spMk id="9" creationId="{7335D8A5-257F-4246-9A65-AE408D84496C}"/>
          </ac:spMkLst>
        </pc:spChg>
        <pc:spChg chg="del">
          <ac:chgData name="Daly Donnacha HSLU I" userId="0f22e960-400a-43ff-baeb-4828c8f5cd3a" providerId="ADAL" clId="{F92A1029-2E60-6441-884F-09EADECCDF72}" dt="2021-03-02T13:19:33.065" v="4513" actId="478"/>
          <ac:spMkLst>
            <pc:docMk/>
            <pc:sldMk cId="3633286550" sldId="301"/>
            <ac:spMk id="12" creationId="{12C30CD3-00DE-0A4C-8043-8AD258D67572}"/>
          </ac:spMkLst>
        </pc:spChg>
        <pc:picChg chg="del">
          <ac:chgData name="Daly Donnacha HSLU I" userId="0f22e960-400a-43ff-baeb-4828c8f5cd3a" providerId="ADAL" clId="{F92A1029-2E60-6441-884F-09EADECCDF72}" dt="2021-03-02T13:20:38.366" v="4518" actId="478"/>
          <ac:picMkLst>
            <pc:docMk/>
            <pc:sldMk cId="3633286550" sldId="301"/>
            <ac:picMk id="10" creationId="{691C7183-A82E-1E4A-BD83-A3C1306B339A}"/>
          </ac:picMkLst>
        </pc:picChg>
        <pc:picChg chg="del">
          <ac:chgData name="Daly Donnacha HSLU I" userId="0f22e960-400a-43ff-baeb-4828c8f5cd3a" providerId="ADAL" clId="{F92A1029-2E60-6441-884F-09EADECCDF72}" dt="2021-03-02T13:19:33.065" v="4513" actId="478"/>
          <ac:picMkLst>
            <pc:docMk/>
            <pc:sldMk cId="3633286550" sldId="301"/>
            <ac:picMk id="2052" creationId="{AF9427A0-C795-C040-B274-A4E165269402}"/>
          </ac:picMkLst>
        </pc:picChg>
        <pc:picChg chg="add mod">
          <ac:chgData name="Daly Donnacha HSLU I" userId="0f22e960-400a-43ff-baeb-4828c8f5cd3a" providerId="ADAL" clId="{F92A1029-2E60-6441-884F-09EADECCDF72}" dt="2021-03-02T13:20:35.501" v="4517" actId="167"/>
          <ac:picMkLst>
            <pc:docMk/>
            <pc:sldMk cId="3633286550" sldId="301"/>
            <ac:picMk id="3074" creationId="{6B9DA2BA-D54D-D440-B5D0-C87A9690CBB8}"/>
          </ac:picMkLst>
        </pc:picChg>
      </pc:sldChg>
      <pc:sldChg chg="addSp delSp modSp add mod">
        <pc:chgData name="Daly Donnacha HSLU I" userId="0f22e960-400a-43ff-baeb-4828c8f5cd3a" providerId="ADAL" clId="{F92A1029-2E60-6441-884F-09EADECCDF72}" dt="2021-03-02T14:25:33.975" v="4656" actId="478"/>
        <pc:sldMkLst>
          <pc:docMk/>
          <pc:sldMk cId="34794297" sldId="310"/>
        </pc:sldMkLst>
        <pc:spChg chg="mod">
          <ac:chgData name="Daly Donnacha HSLU I" userId="0f22e960-400a-43ff-baeb-4828c8f5cd3a" providerId="ADAL" clId="{F92A1029-2E60-6441-884F-09EADECCDF72}" dt="2021-03-02T13:26:40.989" v="4556" actId="6549"/>
          <ac:spMkLst>
            <pc:docMk/>
            <pc:sldMk cId="34794297" sldId="310"/>
            <ac:spMk id="2" creationId="{20D630F6-2A57-BE40-9978-CA4A7ED03567}"/>
          </ac:spMkLst>
        </pc:spChg>
        <pc:spChg chg="mod">
          <ac:chgData name="Daly Donnacha HSLU I" userId="0f22e960-400a-43ff-baeb-4828c8f5cd3a" providerId="ADAL" clId="{F92A1029-2E60-6441-884F-09EADECCDF72}" dt="2021-03-02T14:23:13.511" v="4644" actId="255"/>
          <ac:spMkLst>
            <pc:docMk/>
            <pc:sldMk cId="34794297" sldId="310"/>
            <ac:spMk id="3" creationId="{44D1A7DD-218B-FE4E-BE77-74A9B997A6BA}"/>
          </ac:spMkLst>
        </pc:spChg>
        <pc:spChg chg="mod">
          <ac:chgData name="Daly Donnacha HSLU I" userId="0f22e960-400a-43ff-baeb-4828c8f5cd3a" providerId="ADAL" clId="{F92A1029-2E60-6441-884F-09EADECCDF72}" dt="2021-03-02T13:27:01.656" v="4558" actId="207"/>
          <ac:spMkLst>
            <pc:docMk/>
            <pc:sldMk cId="34794297" sldId="310"/>
            <ac:spMk id="4" creationId="{58DCA8E0-AACA-DA40-96A3-85204801C88F}"/>
          </ac:spMkLst>
        </pc:spChg>
        <pc:spChg chg="del mod">
          <ac:chgData name="Daly Donnacha HSLU I" userId="0f22e960-400a-43ff-baeb-4828c8f5cd3a" providerId="ADAL" clId="{F92A1029-2E60-6441-884F-09EADECCDF72}" dt="2021-03-02T14:25:33.975" v="4656" actId="478"/>
          <ac:spMkLst>
            <pc:docMk/>
            <pc:sldMk cId="34794297" sldId="310"/>
            <ac:spMk id="6" creationId="{21511A7E-171F-9F4B-AF82-551B86C04022}"/>
          </ac:spMkLst>
        </pc:spChg>
        <pc:spChg chg="add mod">
          <ac:chgData name="Daly Donnacha HSLU I" userId="0f22e960-400a-43ff-baeb-4828c8f5cd3a" providerId="ADAL" clId="{F92A1029-2E60-6441-884F-09EADECCDF72}" dt="2021-03-02T14:25:30.896" v="4655" actId="6549"/>
          <ac:spMkLst>
            <pc:docMk/>
            <pc:sldMk cId="34794297" sldId="310"/>
            <ac:spMk id="9" creationId="{112E3A4F-F318-3047-8A20-14897CFEDA16}"/>
          </ac:spMkLst>
        </pc:spChg>
        <pc:spChg chg="mod">
          <ac:chgData name="Daly Donnacha HSLU I" userId="0f22e960-400a-43ff-baeb-4828c8f5cd3a" providerId="ADAL" clId="{F92A1029-2E60-6441-884F-09EADECCDF72}" dt="2021-03-02T14:23:04.173" v="4642" actId="255"/>
          <ac:spMkLst>
            <pc:docMk/>
            <pc:sldMk cId="34794297" sldId="310"/>
            <ac:spMk id="10" creationId="{6094820E-3A9E-894B-89C0-DE59B199F857}"/>
          </ac:spMkLst>
        </pc:spChg>
        <pc:picChg chg="mod">
          <ac:chgData name="Daly Donnacha HSLU I" userId="0f22e960-400a-43ff-baeb-4828c8f5cd3a" providerId="ADAL" clId="{F92A1029-2E60-6441-884F-09EADECCDF72}" dt="2021-03-02T13:27:01.656" v="4558" actId="207"/>
          <ac:picMkLst>
            <pc:docMk/>
            <pc:sldMk cId="34794297" sldId="310"/>
            <ac:picMk id="3074" creationId="{8F4C8621-7EFB-BE45-ADC5-70FE5E214791}"/>
          </ac:picMkLst>
        </pc:picChg>
        <pc:picChg chg="mod">
          <ac:chgData name="Daly Donnacha HSLU I" userId="0f22e960-400a-43ff-baeb-4828c8f5cd3a" providerId="ADAL" clId="{F92A1029-2E60-6441-884F-09EADECCDF72}" dt="2021-03-02T13:27:01.656" v="4558" actId="207"/>
          <ac:picMkLst>
            <pc:docMk/>
            <pc:sldMk cId="34794297" sldId="310"/>
            <ac:picMk id="3076" creationId="{EBB07FFF-55F7-294E-B202-33036CF7B6EC}"/>
          </ac:picMkLst>
        </pc:picChg>
      </pc:sldChg>
      <pc:sldChg chg="modSp add del mod">
        <pc:chgData name="Daly Donnacha HSLU I" userId="0f22e960-400a-43ff-baeb-4828c8f5cd3a" providerId="ADAL" clId="{F92A1029-2E60-6441-884F-09EADECCDF72}" dt="2021-03-02T13:26:04.738" v="4552" actId="2696"/>
        <pc:sldMkLst>
          <pc:docMk/>
          <pc:sldMk cId="126784976" sldId="311"/>
        </pc:sldMkLst>
        <pc:spChg chg="mod">
          <ac:chgData name="Daly Donnacha HSLU I" userId="0f22e960-400a-43ff-baeb-4828c8f5cd3a" providerId="ADAL" clId="{F92A1029-2E60-6441-884F-09EADECCDF72}" dt="2021-03-02T13:23:36.987" v="4524" actId="255"/>
          <ac:spMkLst>
            <pc:docMk/>
            <pc:sldMk cId="126784976" sldId="311"/>
            <ac:spMk id="10" creationId="{6094820E-3A9E-894B-89C0-DE59B199F857}"/>
          </ac:spMkLst>
        </pc:spChg>
      </pc:sldChg>
      <pc:sldChg chg="addSp delSp modSp add mod">
        <pc:chgData name="Daly Donnacha HSLU I" userId="0f22e960-400a-43ff-baeb-4828c8f5cd3a" providerId="ADAL" clId="{F92A1029-2E60-6441-884F-09EADECCDF72}" dt="2021-03-02T14:21:38.427" v="4629" actId="167"/>
        <pc:sldMkLst>
          <pc:docMk/>
          <pc:sldMk cId="3941838807" sldId="312"/>
        </pc:sldMkLst>
        <pc:spChg chg="mod">
          <ac:chgData name="Daly Donnacha HSLU I" userId="0f22e960-400a-43ff-baeb-4828c8f5cd3a" providerId="ADAL" clId="{F92A1029-2E60-6441-884F-09EADECCDF72}" dt="2021-03-02T13:24:05.955" v="4539" actId="20577"/>
          <ac:spMkLst>
            <pc:docMk/>
            <pc:sldMk cId="3941838807" sldId="312"/>
            <ac:spMk id="2" creationId="{20D630F6-2A57-BE40-9978-CA4A7ED03567}"/>
          </ac:spMkLst>
        </pc:spChg>
        <pc:spChg chg="mod">
          <ac:chgData name="Daly Donnacha HSLU I" userId="0f22e960-400a-43ff-baeb-4828c8f5cd3a" providerId="ADAL" clId="{F92A1029-2E60-6441-884F-09EADECCDF72}" dt="2021-03-02T14:21:38.427" v="4629" actId="167"/>
          <ac:spMkLst>
            <pc:docMk/>
            <pc:sldMk cId="3941838807" sldId="312"/>
            <ac:spMk id="4" creationId="{58DCA8E0-AACA-DA40-96A3-85204801C88F}"/>
          </ac:spMkLst>
        </pc:spChg>
        <pc:spChg chg="mod">
          <ac:chgData name="Daly Donnacha HSLU I" userId="0f22e960-400a-43ff-baeb-4828c8f5cd3a" providerId="ADAL" clId="{F92A1029-2E60-6441-884F-09EADECCDF72}" dt="2021-03-02T13:24:35.906" v="4545" actId="6549"/>
          <ac:spMkLst>
            <pc:docMk/>
            <pc:sldMk cId="3941838807" sldId="312"/>
            <ac:spMk id="7" creationId="{80594718-D365-E543-92B8-23810B06D084}"/>
          </ac:spMkLst>
        </pc:spChg>
        <pc:spChg chg="add del mod">
          <ac:chgData name="Daly Donnacha HSLU I" userId="0f22e960-400a-43ff-baeb-4828c8f5cd3a" providerId="ADAL" clId="{F92A1029-2E60-6441-884F-09EADECCDF72}" dt="2021-03-02T14:21:26.147" v="4627" actId="167"/>
          <ac:spMkLst>
            <pc:docMk/>
            <pc:sldMk cId="3941838807" sldId="312"/>
            <ac:spMk id="8" creationId="{BEF19461-80AD-5446-A3AE-13844D0DE0E5}"/>
          </ac:spMkLst>
        </pc:spChg>
        <pc:spChg chg="del">
          <ac:chgData name="Daly Donnacha HSLU I" userId="0f22e960-400a-43ff-baeb-4828c8f5cd3a" providerId="ADAL" clId="{F92A1029-2E60-6441-884F-09EADECCDF72}" dt="2021-03-02T13:25:16.517" v="4546" actId="478"/>
          <ac:spMkLst>
            <pc:docMk/>
            <pc:sldMk cId="3941838807" sldId="312"/>
            <ac:spMk id="9" creationId="{7335D8A5-257F-4246-9A65-AE408D84496C}"/>
          </ac:spMkLst>
        </pc:spChg>
        <pc:spChg chg="add del mod">
          <ac:chgData name="Daly Donnacha HSLU I" userId="0f22e960-400a-43ff-baeb-4828c8f5cd3a" providerId="ADAL" clId="{F92A1029-2E60-6441-884F-09EADECCDF72}" dt="2021-03-02T14:21:31.598" v="4628" actId="478"/>
          <ac:spMkLst>
            <pc:docMk/>
            <pc:sldMk cId="3941838807" sldId="312"/>
            <ac:spMk id="11" creationId="{7C074220-5B4B-714A-9C83-6C8FCCB6EE54}"/>
          </ac:spMkLst>
        </pc:spChg>
        <pc:picChg chg="add mod">
          <ac:chgData name="Daly Donnacha HSLU I" userId="0f22e960-400a-43ff-baeb-4828c8f5cd3a" providerId="ADAL" clId="{F92A1029-2E60-6441-884F-09EADECCDF72}" dt="2021-03-02T13:25:17.641" v="4547"/>
          <ac:picMkLst>
            <pc:docMk/>
            <pc:sldMk cId="3941838807" sldId="312"/>
            <ac:picMk id="10" creationId="{F7DBAEB3-8511-3444-97B9-5797ED20B4A5}"/>
          </ac:picMkLst>
        </pc:picChg>
        <pc:picChg chg="del">
          <ac:chgData name="Daly Donnacha HSLU I" userId="0f22e960-400a-43ff-baeb-4828c8f5cd3a" providerId="ADAL" clId="{F92A1029-2E60-6441-884F-09EADECCDF72}" dt="2021-03-02T13:25:16.517" v="4546" actId="478"/>
          <ac:picMkLst>
            <pc:docMk/>
            <pc:sldMk cId="3941838807" sldId="312"/>
            <ac:picMk id="3074" creationId="{6B9DA2BA-D54D-D440-B5D0-C87A9690CBB8}"/>
          </ac:picMkLst>
        </pc:picChg>
      </pc:sldChg>
      <pc:sldChg chg="addSp delSp modSp add mod">
        <pc:chgData name="Daly Donnacha HSLU I" userId="0f22e960-400a-43ff-baeb-4828c8f5cd3a" providerId="ADAL" clId="{F92A1029-2E60-6441-884F-09EADECCDF72}" dt="2021-03-02T14:23:58.925" v="4645" actId="1076"/>
        <pc:sldMkLst>
          <pc:docMk/>
          <pc:sldMk cId="1491672963" sldId="313"/>
        </pc:sldMkLst>
        <pc:spChg chg="mod">
          <ac:chgData name="Daly Donnacha HSLU I" userId="0f22e960-400a-43ff-baeb-4828c8f5cd3a" providerId="ADAL" clId="{F92A1029-2E60-6441-884F-09EADECCDF72}" dt="2021-03-02T13:26:27.461" v="4554" actId="6549"/>
          <ac:spMkLst>
            <pc:docMk/>
            <pc:sldMk cId="1491672963" sldId="313"/>
            <ac:spMk id="2" creationId="{20D630F6-2A57-BE40-9978-CA4A7ED03567}"/>
          </ac:spMkLst>
        </pc:spChg>
        <pc:spChg chg="mod">
          <ac:chgData name="Daly Donnacha HSLU I" userId="0f22e960-400a-43ff-baeb-4828c8f5cd3a" providerId="ADAL" clId="{F92A1029-2E60-6441-884F-09EADECCDF72}" dt="2021-03-02T14:22:17.877" v="4637" actId="14100"/>
          <ac:spMkLst>
            <pc:docMk/>
            <pc:sldMk cId="1491672963" sldId="313"/>
            <ac:spMk id="3" creationId="{44D1A7DD-218B-FE4E-BE77-74A9B997A6BA}"/>
          </ac:spMkLst>
        </pc:spChg>
        <pc:spChg chg="mod">
          <ac:chgData name="Daly Donnacha HSLU I" userId="0f22e960-400a-43ff-baeb-4828c8f5cd3a" providerId="ADAL" clId="{F92A1029-2E60-6441-884F-09EADECCDF72}" dt="2021-03-02T13:26:52.538" v="4557" actId="207"/>
          <ac:spMkLst>
            <pc:docMk/>
            <pc:sldMk cId="1491672963" sldId="313"/>
            <ac:spMk id="4" creationId="{58DCA8E0-AACA-DA40-96A3-85204801C88F}"/>
          </ac:spMkLst>
        </pc:spChg>
        <pc:spChg chg="del mod">
          <ac:chgData name="Daly Donnacha HSLU I" userId="0f22e960-400a-43ff-baeb-4828c8f5cd3a" providerId="ADAL" clId="{F92A1029-2E60-6441-884F-09EADECCDF72}" dt="2021-03-02T14:19:14.661" v="4618" actId="478"/>
          <ac:spMkLst>
            <pc:docMk/>
            <pc:sldMk cId="1491672963" sldId="313"/>
            <ac:spMk id="6" creationId="{21511A7E-171F-9F4B-AF82-551B86C04022}"/>
          </ac:spMkLst>
        </pc:spChg>
        <pc:spChg chg="mod">
          <ac:chgData name="Daly Donnacha HSLU I" userId="0f22e960-400a-43ff-baeb-4828c8f5cd3a" providerId="ADAL" clId="{F92A1029-2E60-6441-884F-09EADECCDF72}" dt="2021-03-02T14:20:45.663" v="4621" actId="255"/>
          <ac:spMkLst>
            <pc:docMk/>
            <pc:sldMk cId="1491672963" sldId="313"/>
            <ac:spMk id="10" creationId="{6094820E-3A9E-894B-89C0-DE59B199F857}"/>
          </ac:spMkLst>
        </pc:spChg>
        <pc:spChg chg="add mod">
          <ac:chgData name="Daly Donnacha HSLU I" userId="0f22e960-400a-43ff-baeb-4828c8f5cd3a" providerId="ADAL" clId="{F92A1029-2E60-6441-884F-09EADECCDF72}" dt="2021-03-02T14:19:07.975" v="4617" actId="20577"/>
          <ac:spMkLst>
            <pc:docMk/>
            <pc:sldMk cId="1491672963" sldId="313"/>
            <ac:spMk id="11" creationId="{8938B896-30E1-9549-A37A-A900808C02CF}"/>
          </ac:spMkLst>
        </pc:spChg>
        <pc:picChg chg="mod">
          <ac:chgData name="Daly Donnacha HSLU I" userId="0f22e960-400a-43ff-baeb-4828c8f5cd3a" providerId="ADAL" clId="{F92A1029-2E60-6441-884F-09EADECCDF72}" dt="2021-03-02T14:22:12.013" v="4636" actId="1038"/>
          <ac:picMkLst>
            <pc:docMk/>
            <pc:sldMk cId="1491672963" sldId="313"/>
            <ac:picMk id="1026" creationId="{BF9F4918-4722-8A43-8B79-DCF114195CFF}"/>
          </ac:picMkLst>
        </pc:picChg>
        <pc:picChg chg="mod">
          <ac:chgData name="Daly Donnacha HSLU I" userId="0f22e960-400a-43ff-baeb-4828c8f5cd3a" providerId="ADAL" clId="{F92A1029-2E60-6441-884F-09EADECCDF72}" dt="2021-03-02T14:23:58.925" v="4645" actId="1076"/>
          <ac:picMkLst>
            <pc:docMk/>
            <pc:sldMk cId="1491672963" sldId="313"/>
            <ac:picMk id="1028" creationId="{545E70C4-3123-894B-9780-973AC3B7FE7C}"/>
          </ac:picMkLst>
        </pc:picChg>
        <pc:picChg chg="mod">
          <ac:chgData name="Daly Donnacha HSLU I" userId="0f22e960-400a-43ff-baeb-4828c8f5cd3a" providerId="ADAL" clId="{F92A1029-2E60-6441-884F-09EADECCDF72}" dt="2021-03-02T13:26:52.538" v="4557" actId="207"/>
          <ac:picMkLst>
            <pc:docMk/>
            <pc:sldMk cId="1491672963" sldId="313"/>
            <ac:picMk id="1030" creationId="{12D0F3F0-FEF3-F045-82FF-B13CF8CC707B}"/>
          </ac:picMkLst>
        </pc:picChg>
      </pc:sldChg>
      <pc:sldChg chg="addSp delSp modSp add mod">
        <pc:chgData name="Daly Donnacha HSLU I" userId="0f22e960-400a-43ff-baeb-4828c8f5cd3a" providerId="ADAL" clId="{F92A1029-2E60-6441-884F-09EADECCDF72}" dt="2021-03-02T14:38:57.148" v="4962"/>
        <pc:sldMkLst>
          <pc:docMk/>
          <pc:sldMk cId="1730464718" sldId="314"/>
        </pc:sldMkLst>
        <pc:spChg chg="mod">
          <ac:chgData name="Daly Donnacha HSLU I" userId="0f22e960-400a-43ff-baeb-4828c8f5cd3a" providerId="ADAL" clId="{F92A1029-2E60-6441-884F-09EADECCDF72}" dt="2021-03-02T14:29:35.645" v="4686" actId="20577"/>
          <ac:spMkLst>
            <pc:docMk/>
            <pc:sldMk cId="1730464718" sldId="314"/>
            <ac:spMk id="2" creationId="{20D630F6-2A57-BE40-9978-CA4A7ED03567}"/>
          </ac:spMkLst>
        </pc:spChg>
        <pc:spChg chg="mod">
          <ac:chgData name="Daly Donnacha HSLU I" userId="0f22e960-400a-43ff-baeb-4828c8f5cd3a" providerId="ADAL" clId="{F92A1029-2E60-6441-884F-09EADECCDF72}" dt="2021-03-02T14:35:22.908" v="4921" actId="20577"/>
          <ac:spMkLst>
            <pc:docMk/>
            <pc:sldMk cId="1730464718" sldId="314"/>
            <ac:spMk id="3" creationId="{44D1A7DD-218B-FE4E-BE77-74A9B997A6BA}"/>
          </ac:spMkLst>
        </pc:spChg>
        <pc:spChg chg="mod">
          <ac:chgData name="Daly Donnacha HSLU I" userId="0f22e960-400a-43ff-baeb-4828c8f5cd3a" providerId="ADAL" clId="{F92A1029-2E60-6441-884F-09EADECCDF72}" dt="2021-03-02T14:38:25.498" v="4961" actId="167"/>
          <ac:spMkLst>
            <pc:docMk/>
            <pc:sldMk cId="1730464718" sldId="314"/>
            <ac:spMk id="4" creationId="{58DCA8E0-AACA-DA40-96A3-85204801C88F}"/>
          </ac:spMkLst>
        </pc:spChg>
        <pc:spChg chg="mod">
          <ac:chgData name="Daly Donnacha HSLU I" userId="0f22e960-400a-43ff-baeb-4828c8f5cd3a" providerId="ADAL" clId="{F92A1029-2E60-6441-884F-09EADECCDF72}" dt="2021-03-02T14:38:57.148" v="4962"/>
          <ac:spMkLst>
            <pc:docMk/>
            <pc:sldMk cId="1730464718" sldId="314"/>
            <ac:spMk id="9" creationId="{112E3A4F-F318-3047-8A20-14897CFEDA16}"/>
          </ac:spMkLst>
        </pc:spChg>
        <pc:spChg chg="mod">
          <ac:chgData name="Daly Donnacha HSLU I" userId="0f22e960-400a-43ff-baeb-4828c8f5cd3a" providerId="ADAL" clId="{F92A1029-2E60-6441-884F-09EADECCDF72}" dt="2021-03-02T14:35:30.989" v="4936" actId="20577"/>
          <ac:spMkLst>
            <pc:docMk/>
            <pc:sldMk cId="1730464718" sldId="314"/>
            <ac:spMk id="10" creationId="{6094820E-3A9E-894B-89C0-DE59B199F857}"/>
          </ac:spMkLst>
        </pc:spChg>
        <pc:picChg chg="add del mod">
          <ac:chgData name="Daly Donnacha HSLU I" userId="0f22e960-400a-43ff-baeb-4828c8f5cd3a" providerId="ADAL" clId="{F92A1029-2E60-6441-884F-09EADECCDF72}" dt="2021-03-02T14:38:21.859" v="4960" actId="478"/>
          <ac:picMkLst>
            <pc:docMk/>
            <pc:sldMk cId="1730464718" sldId="314"/>
            <ac:picMk id="3074" creationId="{8F4C8621-7EFB-BE45-ADC5-70FE5E214791}"/>
          </ac:picMkLst>
        </pc:picChg>
        <pc:picChg chg="del">
          <ac:chgData name="Daly Donnacha HSLU I" userId="0f22e960-400a-43ff-baeb-4828c8f5cd3a" providerId="ADAL" clId="{F92A1029-2E60-6441-884F-09EADECCDF72}" dt="2021-03-02T14:36:47.330" v="4951" actId="478"/>
          <ac:picMkLst>
            <pc:docMk/>
            <pc:sldMk cId="1730464718" sldId="314"/>
            <ac:picMk id="3076" creationId="{EBB07FFF-55F7-294E-B202-33036CF7B6EC}"/>
          </ac:picMkLst>
        </pc:picChg>
        <pc:picChg chg="add del">
          <ac:chgData name="Daly Donnacha HSLU I" userId="0f22e960-400a-43ff-baeb-4828c8f5cd3a" providerId="ADAL" clId="{F92A1029-2E60-6441-884F-09EADECCDF72}" dt="2021-03-02T14:36:09.706" v="4939"/>
          <ac:picMkLst>
            <pc:docMk/>
            <pc:sldMk cId="1730464718" sldId="314"/>
            <ac:picMk id="7170" creationId="{A40BBC85-BD6B-0B46-BEF4-98052419423E}"/>
          </ac:picMkLst>
        </pc:picChg>
        <pc:picChg chg="add mod">
          <ac:chgData name="Daly Donnacha HSLU I" userId="0f22e960-400a-43ff-baeb-4828c8f5cd3a" providerId="ADAL" clId="{F92A1029-2E60-6441-884F-09EADECCDF72}" dt="2021-03-02T14:36:44.770" v="4950" actId="167"/>
          <ac:picMkLst>
            <pc:docMk/>
            <pc:sldMk cId="1730464718" sldId="314"/>
            <ac:picMk id="7172" creationId="{0BE41379-FCEC-9843-B162-DAEC63B0598F}"/>
          </ac:picMkLst>
        </pc:picChg>
        <pc:picChg chg="add mod">
          <ac:chgData name="Daly Donnacha HSLU I" userId="0f22e960-400a-43ff-baeb-4828c8f5cd3a" providerId="ADAL" clId="{F92A1029-2E60-6441-884F-09EADECCDF72}" dt="2021-03-02T14:38:20.150" v="4959" actId="167"/>
          <ac:picMkLst>
            <pc:docMk/>
            <pc:sldMk cId="1730464718" sldId="314"/>
            <ac:picMk id="7174" creationId="{43F69F43-7618-0E45-A151-45CFE5290CA0}"/>
          </ac:picMkLst>
        </pc:picChg>
      </pc:sldChg>
      <pc:sldChg chg="addSp delSp modSp add mod">
        <pc:chgData name="Daly Donnacha HSLU I" userId="0f22e960-400a-43ff-baeb-4828c8f5cd3a" providerId="ADAL" clId="{F92A1029-2E60-6441-884F-09EADECCDF72}" dt="2021-03-02T14:45:32.848" v="5029" actId="207"/>
        <pc:sldMkLst>
          <pc:docMk/>
          <pc:sldMk cId="3711309459" sldId="315"/>
        </pc:sldMkLst>
        <pc:spChg chg="mod">
          <ac:chgData name="Daly Donnacha HSLU I" userId="0f22e960-400a-43ff-baeb-4828c8f5cd3a" providerId="ADAL" clId="{F92A1029-2E60-6441-884F-09EADECCDF72}" dt="2021-03-02T14:29:43.339" v="4710" actId="20577"/>
          <ac:spMkLst>
            <pc:docMk/>
            <pc:sldMk cId="3711309459" sldId="315"/>
            <ac:spMk id="2" creationId="{20D630F6-2A57-BE40-9978-CA4A7ED03567}"/>
          </ac:spMkLst>
        </pc:spChg>
        <pc:spChg chg="del">
          <ac:chgData name="Daly Donnacha HSLU I" userId="0f22e960-400a-43ff-baeb-4828c8f5cd3a" providerId="ADAL" clId="{F92A1029-2E60-6441-884F-09EADECCDF72}" dt="2021-03-02T14:39:48.532" v="4967" actId="478"/>
          <ac:spMkLst>
            <pc:docMk/>
            <pc:sldMk cId="3711309459" sldId="315"/>
            <ac:spMk id="3" creationId="{44D1A7DD-218B-FE4E-BE77-74A9B997A6BA}"/>
          </ac:spMkLst>
        </pc:spChg>
        <pc:spChg chg="mod">
          <ac:chgData name="Daly Donnacha HSLU I" userId="0f22e960-400a-43ff-baeb-4828c8f5cd3a" providerId="ADAL" clId="{F92A1029-2E60-6441-884F-09EADECCDF72}" dt="2021-03-02T14:40:56.713" v="4995" actId="167"/>
          <ac:spMkLst>
            <pc:docMk/>
            <pc:sldMk cId="3711309459" sldId="315"/>
            <ac:spMk id="4" creationId="{58DCA8E0-AACA-DA40-96A3-85204801C88F}"/>
          </ac:spMkLst>
        </pc:spChg>
        <pc:spChg chg="add del mod">
          <ac:chgData name="Daly Donnacha HSLU I" userId="0f22e960-400a-43ff-baeb-4828c8f5cd3a" providerId="ADAL" clId="{F92A1029-2E60-6441-884F-09EADECCDF72}" dt="2021-03-02T14:39:41.720" v="4964"/>
          <ac:spMkLst>
            <pc:docMk/>
            <pc:sldMk cId="3711309459" sldId="315"/>
            <ac:spMk id="5" creationId="{AAE884B0-393A-004D-A77D-4DDE51670458}"/>
          </ac:spMkLst>
        </pc:spChg>
        <pc:spChg chg="mod">
          <ac:chgData name="Daly Donnacha HSLU I" userId="0f22e960-400a-43ff-baeb-4828c8f5cd3a" providerId="ADAL" clId="{F92A1029-2E60-6441-884F-09EADECCDF72}" dt="2021-03-02T14:45:32.848" v="5029" actId="207"/>
          <ac:spMkLst>
            <pc:docMk/>
            <pc:sldMk cId="3711309459" sldId="315"/>
            <ac:spMk id="9" creationId="{112E3A4F-F318-3047-8A20-14897CFEDA16}"/>
          </ac:spMkLst>
        </pc:spChg>
        <pc:spChg chg="mod">
          <ac:chgData name="Daly Donnacha HSLU I" userId="0f22e960-400a-43ff-baeb-4828c8f5cd3a" providerId="ADAL" clId="{F92A1029-2E60-6441-884F-09EADECCDF72}" dt="2021-03-02T14:39:54.752" v="4982" actId="20577"/>
          <ac:spMkLst>
            <pc:docMk/>
            <pc:sldMk cId="3711309459" sldId="315"/>
            <ac:spMk id="10" creationId="{6094820E-3A9E-894B-89C0-DE59B199F857}"/>
          </ac:spMkLst>
        </pc:spChg>
        <pc:graphicFrameChg chg="add del mod">
          <ac:chgData name="Daly Donnacha HSLU I" userId="0f22e960-400a-43ff-baeb-4828c8f5cd3a" providerId="ADAL" clId="{F92A1029-2E60-6441-884F-09EADECCDF72}" dt="2021-03-02T14:40:12.635" v="4984"/>
          <ac:graphicFrameMkLst>
            <pc:docMk/>
            <pc:sldMk cId="3711309459" sldId="315"/>
            <ac:graphicFrameMk id="6" creationId="{87C32D8D-C192-4E49-A4E7-3AC01AE19EC3}"/>
          </ac:graphicFrameMkLst>
        </pc:graphicFrameChg>
        <pc:picChg chg="del">
          <ac:chgData name="Daly Donnacha HSLU I" userId="0f22e960-400a-43ff-baeb-4828c8f5cd3a" providerId="ADAL" clId="{F92A1029-2E60-6441-884F-09EADECCDF72}" dt="2021-03-02T14:40:52.540" v="4994" actId="478"/>
          <ac:picMkLst>
            <pc:docMk/>
            <pc:sldMk cId="3711309459" sldId="315"/>
            <ac:picMk id="3074" creationId="{8F4C8621-7EFB-BE45-ADC5-70FE5E214791}"/>
          </ac:picMkLst>
        </pc:picChg>
        <pc:picChg chg="del">
          <ac:chgData name="Daly Donnacha HSLU I" userId="0f22e960-400a-43ff-baeb-4828c8f5cd3a" providerId="ADAL" clId="{F92A1029-2E60-6441-884F-09EADECCDF72}" dt="2021-03-02T14:39:48.532" v="4967" actId="478"/>
          <ac:picMkLst>
            <pc:docMk/>
            <pc:sldMk cId="3711309459" sldId="315"/>
            <ac:picMk id="3076" creationId="{EBB07FFF-55F7-294E-B202-33036CF7B6EC}"/>
          </ac:picMkLst>
        </pc:picChg>
        <pc:picChg chg="add mod">
          <ac:chgData name="Daly Donnacha HSLU I" userId="0f22e960-400a-43ff-baeb-4828c8f5cd3a" providerId="ADAL" clId="{F92A1029-2E60-6441-884F-09EADECCDF72}" dt="2021-03-02T14:40:49.125" v="4993" actId="167"/>
          <ac:picMkLst>
            <pc:docMk/>
            <pc:sldMk cId="3711309459" sldId="315"/>
            <ac:picMk id="8194" creationId="{0E8D27C8-D5E7-4947-9596-D33BE48265DF}"/>
          </ac:picMkLst>
        </pc:picChg>
      </pc:sldChg>
      <pc:sldChg chg="addSp delSp modSp add mod">
        <pc:chgData name="Daly Donnacha HSLU I" userId="0f22e960-400a-43ff-baeb-4828c8f5cd3a" providerId="ADAL" clId="{F92A1029-2E60-6441-884F-09EADECCDF72}" dt="2021-03-02T14:44:11.040" v="5028"/>
        <pc:sldMkLst>
          <pc:docMk/>
          <pc:sldMk cId="3685382678" sldId="316"/>
        </pc:sldMkLst>
        <pc:spChg chg="mod">
          <ac:chgData name="Daly Donnacha HSLU I" userId="0f22e960-400a-43ff-baeb-4828c8f5cd3a" providerId="ADAL" clId="{F92A1029-2E60-6441-884F-09EADECCDF72}" dt="2021-03-02T14:30:10.196" v="4736" actId="20577"/>
          <ac:spMkLst>
            <pc:docMk/>
            <pc:sldMk cId="3685382678" sldId="316"/>
            <ac:spMk id="2" creationId="{20D630F6-2A57-BE40-9978-CA4A7ED03567}"/>
          </ac:spMkLst>
        </pc:spChg>
        <pc:spChg chg="del">
          <ac:chgData name="Daly Donnacha HSLU I" userId="0f22e960-400a-43ff-baeb-4828c8f5cd3a" providerId="ADAL" clId="{F92A1029-2E60-6441-884F-09EADECCDF72}" dt="2021-03-02T14:41:25.048" v="4996" actId="478"/>
          <ac:spMkLst>
            <pc:docMk/>
            <pc:sldMk cId="3685382678" sldId="316"/>
            <ac:spMk id="3" creationId="{44D1A7DD-218B-FE4E-BE77-74A9B997A6BA}"/>
          </ac:spMkLst>
        </pc:spChg>
        <pc:spChg chg="mod">
          <ac:chgData name="Daly Donnacha HSLU I" userId="0f22e960-400a-43ff-baeb-4828c8f5cd3a" providerId="ADAL" clId="{F92A1029-2E60-6441-884F-09EADECCDF72}" dt="2021-03-02T14:42:44.420" v="5009" actId="167"/>
          <ac:spMkLst>
            <pc:docMk/>
            <pc:sldMk cId="3685382678" sldId="316"/>
            <ac:spMk id="4" creationId="{58DCA8E0-AACA-DA40-96A3-85204801C88F}"/>
          </ac:spMkLst>
        </pc:spChg>
        <pc:spChg chg="mod">
          <ac:chgData name="Daly Donnacha HSLU I" userId="0f22e960-400a-43ff-baeb-4828c8f5cd3a" providerId="ADAL" clId="{F92A1029-2E60-6441-884F-09EADECCDF72}" dt="2021-03-02T14:44:11.040" v="5028"/>
          <ac:spMkLst>
            <pc:docMk/>
            <pc:sldMk cId="3685382678" sldId="316"/>
            <ac:spMk id="9" creationId="{112E3A4F-F318-3047-8A20-14897CFEDA16}"/>
          </ac:spMkLst>
        </pc:spChg>
        <pc:spChg chg="mod">
          <ac:chgData name="Daly Donnacha HSLU I" userId="0f22e960-400a-43ff-baeb-4828c8f5cd3a" providerId="ADAL" clId="{F92A1029-2E60-6441-884F-09EADECCDF72}" dt="2021-03-02T14:43:06.850" v="5027" actId="20577"/>
          <ac:spMkLst>
            <pc:docMk/>
            <pc:sldMk cId="3685382678" sldId="316"/>
            <ac:spMk id="10" creationId="{6094820E-3A9E-894B-89C0-DE59B199F857}"/>
          </ac:spMkLst>
        </pc:spChg>
        <pc:picChg chg="add del">
          <ac:chgData name="Daly Donnacha HSLU I" userId="0f22e960-400a-43ff-baeb-4828c8f5cd3a" providerId="ADAL" clId="{F92A1029-2E60-6441-884F-09EADECCDF72}" dt="2021-03-02T14:42:39.957" v="5008" actId="478"/>
          <ac:picMkLst>
            <pc:docMk/>
            <pc:sldMk cId="3685382678" sldId="316"/>
            <ac:picMk id="3074" creationId="{8F4C8621-7EFB-BE45-ADC5-70FE5E214791}"/>
          </ac:picMkLst>
        </pc:picChg>
        <pc:picChg chg="del">
          <ac:chgData name="Daly Donnacha HSLU I" userId="0f22e960-400a-43ff-baeb-4828c8f5cd3a" providerId="ADAL" clId="{F92A1029-2E60-6441-884F-09EADECCDF72}" dt="2021-03-02T14:41:25.048" v="4996" actId="478"/>
          <ac:picMkLst>
            <pc:docMk/>
            <pc:sldMk cId="3685382678" sldId="316"/>
            <ac:picMk id="3076" creationId="{EBB07FFF-55F7-294E-B202-33036CF7B6EC}"/>
          </ac:picMkLst>
        </pc:picChg>
        <pc:picChg chg="add mod">
          <ac:chgData name="Daly Donnacha HSLU I" userId="0f22e960-400a-43ff-baeb-4828c8f5cd3a" providerId="ADAL" clId="{F92A1029-2E60-6441-884F-09EADECCDF72}" dt="2021-03-02T14:42:38.508" v="5007" actId="167"/>
          <ac:picMkLst>
            <pc:docMk/>
            <pc:sldMk cId="3685382678" sldId="316"/>
            <ac:picMk id="9218" creationId="{202949EC-F919-444C-BA1D-97C03F0BED1E}"/>
          </ac:picMkLst>
        </pc:picChg>
      </pc:sldChg>
      <pc:sldChg chg="addSp delSp modSp add mod">
        <pc:chgData name="Daly Donnacha HSLU I" userId="0f22e960-400a-43ff-baeb-4828c8f5cd3a" providerId="ADAL" clId="{F92A1029-2E60-6441-884F-09EADECCDF72}" dt="2021-03-02T14:32:24.076" v="4827" actId="6549"/>
        <pc:sldMkLst>
          <pc:docMk/>
          <pc:sldMk cId="3233547594" sldId="317"/>
        </pc:sldMkLst>
        <pc:spChg chg="mod">
          <ac:chgData name="Daly Donnacha HSLU I" userId="0f22e960-400a-43ff-baeb-4828c8f5cd3a" providerId="ADAL" clId="{F92A1029-2E60-6441-884F-09EADECCDF72}" dt="2021-03-02T14:31:00.867" v="4764" actId="20577"/>
          <ac:spMkLst>
            <pc:docMk/>
            <pc:sldMk cId="3233547594" sldId="317"/>
            <ac:spMk id="2" creationId="{20D630F6-2A57-BE40-9978-CA4A7ED03567}"/>
          </ac:spMkLst>
        </pc:spChg>
        <pc:spChg chg="del">
          <ac:chgData name="Daly Donnacha HSLU I" userId="0f22e960-400a-43ff-baeb-4828c8f5cd3a" providerId="ADAL" clId="{F92A1029-2E60-6441-884F-09EADECCDF72}" dt="2021-03-02T14:32:09.886" v="4825" actId="478"/>
          <ac:spMkLst>
            <pc:docMk/>
            <pc:sldMk cId="3233547594" sldId="317"/>
            <ac:spMk id="3" creationId="{44D1A7DD-218B-FE4E-BE77-74A9B997A6BA}"/>
          </ac:spMkLst>
        </pc:spChg>
        <pc:spChg chg="mod">
          <ac:chgData name="Daly Donnacha HSLU I" userId="0f22e960-400a-43ff-baeb-4828c8f5cd3a" providerId="ADAL" clId="{F92A1029-2E60-6441-884F-09EADECCDF72}" dt="2021-03-02T14:32:24.076" v="4827" actId="6549"/>
          <ac:spMkLst>
            <pc:docMk/>
            <pc:sldMk cId="3233547594" sldId="317"/>
            <ac:spMk id="9" creationId="{112E3A4F-F318-3047-8A20-14897CFEDA16}"/>
          </ac:spMkLst>
        </pc:spChg>
        <pc:spChg chg="mod">
          <ac:chgData name="Daly Donnacha HSLU I" userId="0f22e960-400a-43ff-baeb-4828c8f5cd3a" providerId="ADAL" clId="{F92A1029-2E60-6441-884F-09EADECCDF72}" dt="2021-03-02T14:32:03.614" v="4824" actId="20577"/>
          <ac:spMkLst>
            <pc:docMk/>
            <pc:sldMk cId="3233547594" sldId="317"/>
            <ac:spMk id="10" creationId="{6094820E-3A9E-894B-89C0-DE59B199F857}"/>
          </ac:spMkLst>
        </pc:spChg>
        <pc:picChg chg="add mod">
          <ac:chgData name="Daly Donnacha HSLU I" userId="0f22e960-400a-43ff-baeb-4828c8f5cd3a" providerId="ADAL" clId="{F92A1029-2E60-6441-884F-09EADECCDF72}" dt="2021-03-02T14:31:41.883" v="4788"/>
          <ac:picMkLst>
            <pc:docMk/>
            <pc:sldMk cId="3233547594" sldId="317"/>
            <ac:picMk id="11" creationId="{D6E3DDC2-1D2A-254B-B9FB-B09FA836C193}"/>
          </ac:picMkLst>
        </pc:picChg>
        <pc:picChg chg="del">
          <ac:chgData name="Daly Donnacha HSLU I" userId="0f22e960-400a-43ff-baeb-4828c8f5cd3a" providerId="ADAL" clId="{F92A1029-2E60-6441-884F-09EADECCDF72}" dt="2021-03-02T14:31:41.075" v="4787" actId="478"/>
          <ac:picMkLst>
            <pc:docMk/>
            <pc:sldMk cId="3233547594" sldId="317"/>
            <ac:picMk id="3074" creationId="{8F4C8621-7EFB-BE45-ADC5-70FE5E214791}"/>
          </ac:picMkLst>
        </pc:picChg>
        <pc:picChg chg="del">
          <ac:chgData name="Daly Donnacha HSLU I" userId="0f22e960-400a-43ff-baeb-4828c8f5cd3a" providerId="ADAL" clId="{F92A1029-2E60-6441-884F-09EADECCDF72}" dt="2021-03-02T14:32:09.886" v="4825" actId="478"/>
          <ac:picMkLst>
            <pc:docMk/>
            <pc:sldMk cId="3233547594" sldId="317"/>
            <ac:picMk id="3076" creationId="{EBB07FFF-55F7-294E-B202-33036CF7B6EC}"/>
          </ac:picMkLst>
        </pc:picChg>
      </pc:sldChg>
      <pc:sldChg chg="addSp delSp modSp add mod">
        <pc:chgData name="Daly Donnacha HSLU I" userId="0f22e960-400a-43ff-baeb-4828c8f5cd3a" providerId="ADAL" clId="{F92A1029-2E60-6441-884F-09EADECCDF72}" dt="2021-03-02T14:34:43.462" v="4881" actId="6549"/>
        <pc:sldMkLst>
          <pc:docMk/>
          <pc:sldMk cId="90814158" sldId="318"/>
        </pc:sldMkLst>
        <pc:spChg chg="mod">
          <ac:chgData name="Daly Donnacha HSLU I" userId="0f22e960-400a-43ff-baeb-4828c8f5cd3a" providerId="ADAL" clId="{F92A1029-2E60-6441-884F-09EADECCDF72}" dt="2021-03-02T14:31:18.706" v="4781" actId="20577"/>
          <ac:spMkLst>
            <pc:docMk/>
            <pc:sldMk cId="90814158" sldId="318"/>
            <ac:spMk id="2" creationId="{20D630F6-2A57-BE40-9978-CA4A7ED03567}"/>
          </ac:spMkLst>
        </pc:spChg>
        <pc:spChg chg="del">
          <ac:chgData name="Daly Donnacha HSLU I" userId="0f22e960-400a-43ff-baeb-4828c8f5cd3a" providerId="ADAL" clId="{F92A1029-2E60-6441-884F-09EADECCDF72}" dt="2021-03-02T14:34:08.328" v="4874" actId="478"/>
          <ac:spMkLst>
            <pc:docMk/>
            <pc:sldMk cId="90814158" sldId="318"/>
            <ac:spMk id="3" creationId="{44D1A7DD-218B-FE4E-BE77-74A9B997A6BA}"/>
          </ac:spMkLst>
        </pc:spChg>
        <pc:spChg chg="mod">
          <ac:chgData name="Daly Donnacha HSLU I" userId="0f22e960-400a-43ff-baeb-4828c8f5cd3a" providerId="ADAL" clId="{F92A1029-2E60-6441-884F-09EADECCDF72}" dt="2021-03-02T14:33:07.411" v="4834" actId="167"/>
          <ac:spMkLst>
            <pc:docMk/>
            <pc:sldMk cId="90814158" sldId="318"/>
            <ac:spMk id="4" creationId="{58DCA8E0-AACA-DA40-96A3-85204801C88F}"/>
          </ac:spMkLst>
        </pc:spChg>
        <pc:spChg chg="mod">
          <ac:chgData name="Daly Donnacha HSLU I" userId="0f22e960-400a-43ff-baeb-4828c8f5cd3a" providerId="ADAL" clId="{F92A1029-2E60-6441-884F-09EADECCDF72}" dt="2021-03-02T14:34:43.462" v="4881" actId="6549"/>
          <ac:spMkLst>
            <pc:docMk/>
            <pc:sldMk cId="90814158" sldId="318"/>
            <ac:spMk id="9" creationId="{112E3A4F-F318-3047-8A20-14897CFEDA16}"/>
          </ac:spMkLst>
        </pc:spChg>
        <pc:spChg chg="mod">
          <ac:chgData name="Daly Donnacha HSLU I" userId="0f22e960-400a-43ff-baeb-4828c8f5cd3a" providerId="ADAL" clId="{F92A1029-2E60-6441-884F-09EADECCDF72}" dt="2021-03-02T14:34:05.009" v="4873" actId="20577"/>
          <ac:spMkLst>
            <pc:docMk/>
            <pc:sldMk cId="90814158" sldId="318"/>
            <ac:spMk id="10" creationId="{6094820E-3A9E-894B-89C0-DE59B199F857}"/>
          </ac:spMkLst>
        </pc:spChg>
        <pc:picChg chg="add mod">
          <ac:chgData name="Daly Donnacha HSLU I" userId="0f22e960-400a-43ff-baeb-4828c8f5cd3a" providerId="ADAL" clId="{F92A1029-2E60-6441-884F-09EADECCDF72}" dt="2021-03-02T14:33:21.282" v="4837" actId="732"/>
          <ac:picMkLst>
            <pc:docMk/>
            <pc:sldMk cId="90814158" sldId="318"/>
            <ac:picMk id="11" creationId="{023915F5-42C4-794D-8A6B-C7DA7503550F}"/>
          </ac:picMkLst>
        </pc:picChg>
        <pc:picChg chg="del">
          <ac:chgData name="Daly Donnacha HSLU I" userId="0f22e960-400a-43ff-baeb-4828c8f5cd3a" providerId="ADAL" clId="{F92A1029-2E60-6441-884F-09EADECCDF72}" dt="2021-03-02T14:33:25.672" v="4838" actId="478"/>
          <ac:picMkLst>
            <pc:docMk/>
            <pc:sldMk cId="90814158" sldId="318"/>
            <ac:picMk id="3074" creationId="{8F4C8621-7EFB-BE45-ADC5-70FE5E214791}"/>
          </ac:picMkLst>
        </pc:picChg>
        <pc:picChg chg="del">
          <ac:chgData name="Daly Donnacha HSLU I" userId="0f22e960-400a-43ff-baeb-4828c8f5cd3a" providerId="ADAL" clId="{F92A1029-2E60-6441-884F-09EADECCDF72}" dt="2021-03-02T14:34:08.328" v="4874" actId="478"/>
          <ac:picMkLst>
            <pc:docMk/>
            <pc:sldMk cId="90814158" sldId="318"/>
            <ac:picMk id="3076" creationId="{EBB07FFF-55F7-294E-B202-33036CF7B6EC}"/>
          </ac:picMkLst>
        </pc:picChg>
      </pc:sldChg>
      <pc:sldChg chg="delSp modSp add mod">
        <pc:chgData name="Daly Donnacha HSLU I" userId="0f22e960-400a-43ff-baeb-4828c8f5cd3a" providerId="ADAL" clId="{F92A1029-2E60-6441-884F-09EADECCDF72}" dt="2021-03-02T15:03:58.931" v="5407" actId="207"/>
        <pc:sldMkLst>
          <pc:docMk/>
          <pc:sldMk cId="2909760824" sldId="319"/>
        </pc:sldMkLst>
        <pc:spChg chg="mod">
          <ac:chgData name="Daly Donnacha HSLU I" userId="0f22e960-400a-43ff-baeb-4828c8f5cd3a" providerId="ADAL" clId="{F92A1029-2E60-6441-884F-09EADECCDF72}" dt="2021-03-02T14:54:36.771" v="5286" actId="20577"/>
          <ac:spMkLst>
            <pc:docMk/>
            <pc:sldMk cId="2909760824" sldId="319"/>
            <ac:spMk id="2" creationId="{0A5E25D8-27A9-B448-BB62-19C053C29D89}"/>
          </ac:spMkLst>
        </pc:spChg>
        <pc:spChg chg="del mod">
          <ac:chgData name="Daly Donnacha HSLU I" userId="0f22e960-400a-43ff-baeb-4828c8f5cd3a" providerId="ADAL" clId="{F92A1029-2E60-6441-884F-09EADECCDF72}" dt="2021-03-02T14:55:27.189" v="5297" actId="478"/>
          <ac:spMkLst>
            <pc:docMk/>
            <pc:sldMk cId="2909760824" sldId="319"/>
            <ac:spMk id="3" creationId="{89BB093D-7B59-474C-A7E8-0B59CDD607EE}"/>
          </ac:spMkLst>
        </pc:spChg>
        <pc:spChg chg="mod">
          <ac:chgData name="Daly Donnacha HSLU I" userId="0f22e960-400a-43ff-baeb-4828c8f5cd3a" providerId="ADAL" clId="{F92A1029-2E60-6441-884F-09EADECCDF72}" dt="2021-03-02T15:03:58.931" v="5407" actId="207"/>
          <ac:spMkLst>
            <pc:docMk/>
            <pc:sldMk cId="2909760824" sldId="319"/>
            <ac:spMk id="4" creationId="{1E6A2C60-43AD-BF46-BB00-DC81B4E28EDF}"/>
          </ac:spMkLst>
        </pc:spChg>
        <pc:spChg chg="del mod">
          <ac:chgData name="Daly Donnacha HSLU I" userId="0f22e960-400a-43ff-baeb-4828c8f5cd3a" providerId="ADAL" clId="{F92A1029-2E60-6441-884F-09EADECCDF72}" dt="2021-03-02T14:55:29.762" v="5298" actId="478"/>
          <ac:spMkLst>
            <pc:docMk/>
            <pc:sldMk cId="2909760824" sldId="319"/>
            <ac:spMk id="7" creationId="{F4886D89-0920-3445-B1B8-20D2F4E0BEBC}"/>
          </ac:spMkLst>
        </pc:spChg>
        <pc:spChg chg="mod">
          <ac:chgData name="Daly Donnacha HSLU I" userId="0f22e960-400a-43ff-baeb-4828c8f5cd3a" providerId="ADAL" clId="{F92A1029-2E60-6441-884F-09EADECCDF72}" dt="2021-03-02T15:03:44.579" v="5404" actId="1035"/>
          <ac:spMkLst>
            <pc:docMk/>
            <pc:sldMk cId="2909760824" sldId="319"/>
            <ac:spMk id="8" creationId="{F99E96B2-C92C-584F-8E2E-2150D990F7E4}"/>
          </ac:spMkLst>
        </pc:spChg>
        <pc:spChg chg="mod">
          <ac:chgData name="Daly Donnacha HSLU I" userId="0f22e960-400a-43ff-baeb-4828c8f5cd3a" providerId="ADAL" clId="{F92A1029-2E60-6441-884F-09EADECCDF72}" dt="2021-03-02T15:03:44.579" v="5404" actId="1035"/>
          <ac:spMkLst>
            <pc:docMk/>
            <pc:sldMk cId="2909760824" sldId="319"/>
            <ac:spMk id="9" creationId="{15924A73-4185-7848-AEDF-0CC889302BCA}"/>
          </ac:spMkLst>
        </pc:spChg>
        <pc:cxnChg chg="mod">
          <ac:chgData name="Daly Donnacha HSLU I" userId="0f22e960-400a-43ff-baeb-4828c8f5cd3a" providerId="ADAL" clId="{F92A1029-2E60-6441-884F-09EADECCDF72}" dt="2021-03-02T15:03:44.579" v="5404" actId="1035"/>
          <ac:cxnSpMkLst>
            <pc:docMk/>
            <pc:sldMk cId="2909760824" sldId="319"/>
            <ac:cxnSpMk id="6" creationId="{ABC7890C-177E-7D48-8A2A-4D289CDBC5CD}"/>
          </ac:cxnSpMkLst>
        </pc:cxnChg>
      </pc:sldChg>
      <pc:sldChg chg="addSp delSp modSp new mod ord">
        <pc:chgData name="Daly Donnacha HSLU I" userId="0f22e960-400a-43ff-baeb-4828c8f5cd3a" providerId="ADAL" clId="{F92A1029-2E60-6441-884F-09EADECCDF72}" dt="2021-03-02T16:13:40.300" v="6820" actId="20577"/>
        <pc:sldMkLst>
          <pc:docMk/>
          <pc:sldMk cId="3143922008" sldId="320"/>
        </pc:sldMkLst>
        <pc:spChg chg="mod">
          <ac:chgData name="Daly Donnacha HSLU I" userId="0f22e960-400a-43ff-baeb-4828c8f5cd3a" providerId="ADAL" clId="{F92A1029-2E60-6441-884F-09EADECCDF72}" dt="2021-03-02T15:05:55.179" v="5512" actId="20577"/>
          <ac:spMkLst>
            <pc:docMk/>
            <pc:sldMk cId="3143922008" sldId="320"/>
            <ac:spMk id="2" creationId="{6732DF7D-BD30-2944-A249-3F0B9B2C13FC}"/>
          </ac:spMkLst>
        </pc:spChg>
        <pc:spChg chg="add mod">
          <ac:chgData name="Daly Donnacha HSLU I" userId="0f22e960-400a-43ff-baeb-4828c8f5cd3a" providerId="ADAL" clId="{F92A1029-2E60-6441-884F-09EADECCDF72}" dt="2021-03-02T16:13:40.300" v="6820" actId="20577"/>
          <ac:spMkLst>
            <pc:docMk/>
            <pc:sldMk cId="3143922008" sldId="320"/>
            <ac:spMk id="3" creationId="{FAAEA6D0-E613-6D44-A8CB-3126C5DD5A24}"/>
          </ac:spMkLst>
        </pc:spChg>
        <pc:spChg chg="add mod">
          <ac:chgData name="Daly Donnacha HSLU I" userId="0f22e960-400a-43ff-baeb-4828c8f5cd3a" providerId="ADAL" clId="{F92A1029-2E60-6441-884F-09EADECCDF72}" dt="2021-03-02T16:05:24.694" v="6468" actId="167"/>
          <ac:spMkLst>
            <pc:docMk/>
            <pc:sldMk cId="3143922008" sldId="320"/>
            <ac:spMk id="4" creationId="{5A71E7DB-EA31-9348-BD32-FBE38A500C55}"/>
          </ac:spMkLst>
        </pc:spChg>
        <pc:spChg chg="add del mod">
          <ac:chgData name="Daly Donnacha HSLU I" userId="0f22e960-400a-43ff-baeb-4828c8f5cd3a" providerId="ADAL" clId="{F92A1029-2E60-6441-884F-09EADECCDF72}" dt="2021-03-02T16:10:05.763" v="6649"/>
          <ac:spMkLst>
            <pc:docMk/>
            <pc:sldMk cId="3143922008" sldId="320"/>
            <ac:spMk id="5" creationId="{144FA284-6ABA-1D4A-B494-3E566BE57E76}"/>
          </ac:spMkLst>
        </pc:spChg>
        <pc:spChg chg="add mod">
          <ac:chgData name="Daly Donnacha HSLU I" userId="0f22e960-400a-43ff-baeb-4828c8f5cd3a" providerId="ADAL" clId="{F92A1029-2E60-6441-884F-09EADECCDF72}" dt="2021-03-02T16:13:31.372" v="6818" actId="1036"/>
          <ac:spMkLst>
            <pc:docMk/>
            <pc:sldMk cId="3143922008" sldId="320"/>
            <ac:spMk id="6" creationId="{A487738F-3D38-C448-836A-544368F392B6}"/>
          </ac:spMkLst>
        </pc:spChg>
      </pc:sldChg>
      <pc:sldChg chg="addSp modSp new mod">
        <pc:chgData name="Daly Donnacha HSLU I" userId="0f22e960-400a-43ff-baeb-4828c8f5cd3a" providerId="ADAL" clId="{F92A1029-2E60-6441-884F-09EADECCDF72}" dt="2021-03-03T14:27:58.667" v="6839" actId="207"/>
        <pc:sldMkLst>
          <pc:docMk/>
          <pc:sldMk cId="1546253548" sldId="321"/>
        </pc:sldMkLst>
        <pc:spChg chg="mod">
          <ac:chgData name="Daly Donnacha HSLU I" userId="0f22e960-400a-43ff-baeb-4828c8f5cd3a" providerId="ADAL" clId="{F92A1029-2E60-6441-884F-09EADECCDF72}" dt="2021-03-02T15:07:42.123" v="5527" actId="20577"/>
          <ac:spMkLst>
            <pc:docMk/>
            <pc:sldMk cId="1546253548" sldId="321"/>
            <ac:spMk id="2" creationId="{C9B5BBC8-8A37-264A-9716-9DEC9E293D69}"/>
          </ac:spMkLst>
        </pc:spChg>
        <pc:spChg chg="add mod">
          <ac:chgData name="Daly Donnacha HSLU I" userId="0f22e960-400a-43ff-baeb-4828c8f5cd3a" providerId="ADAL" clId="{F92A1029-2E60-6441-884F-09EADECCDF72}" dt="2021-03-02T15:16:00.665" v="5832" actId="20577"/>
          <ac:spMkLst>
            <pc:docMk/>
            <pc:sldMk cId="1546253548" sldId="321"/>
            <ac:spMk id="7" creationId="{BACA4B36-F293-7A4F-8C09-16F6FD06129E}"/>
          </ac:spMkLst>
        </pc:spChg>
        <pc:graphicFrameChg chg="add mod modGraphic">
          <ac:chgData name="Daly Donnacha HSLU I" userId="0f22e960-400a-43ff-baeb-4828c8f5cd3a" providerId="ADAL" clId="{F92A1029-2E60-6441-884F-09EADECCDF72}" dt="2021-03-03T14:27:58.667" v="6839" actId="207"/>
          <ac:graphicFrameMkLst>
            <pc:docMk/>
            <pc:sldMk cId="1546253548" sldId="321"/>
            <ac:graphicFrameMk id="6" creationId="{CED46FFB-D7F7-184E-A59C-55FEA5505CF8}"/>
          </ac:graphicFrameMkLst>
        </pc:graphicFrameChg>
        <pc:picChg chg="add mod">
          <ac:chgData name="Daly Donnacha HSLU I" userId="0f22e960-400a-43ff-baeb-4828c8f5cd3a" providerId="ADAL" clId="{F92A1029-2E60-6441-884F-09EADECCDF72}" dt="2021-03-02T15:07:52.432" v="5583" actId="1037"/>
          <ac:picMkLst>
            <pc:docMk/>
            <pc:sldMk cId="1546253548" sldId="321"/>
            <ac:picMk id="3" creationId="{B0639253-646C-F745-8740-FAB24F2AD425}"/>
          </ac:picMkLst>
        </pc:picChg>
        <pc:picChg chg="add mod">
          <ac:chgData name="Daly Donnacha HSLU I" userId="0f22e960-400a-43ff-baeb-4828c8f5cd3a" providerId="ADAL" clId="{F92A1029-2E60-6441-884F-09EADECCDF72}" dt="2021-03-02T15:07:52.432" v="5583" actId="1037"/>
          <ac:picMkLst>
            <pc:docMk/>
            <pc:sldMk cId="1546253548" sldId="321"/>
            <ac:picMk id="4" creationId="{488B9800-DA42-534C-8E1E-28D6A9D73AF7}"/>
          </ac:picMkLst>
        </pc:picChg>
        <pc:picChg chg="add mod">
          <ac:chgData name="Daly Donnacha HSLU I" userId="0f22e960-400a-43ff-baeb-4828c8f5cd3a" providerId="ADAL" clId="{F92A1029-2E60-6441-884F-09EADECCDF72}" dt="2021-03-02T15:07:52.432" v="5583" actId="1037"/>
          <ac:picMkLst>
            <pc:docMk/>
            <pc:sldMk cId="1546253548" sldId="321"/>
            <ac:picMk id="5" creationId="{8A80FFF5-8681-B845-89FB-8C7B58E69F7A}"/>
          </ac:picMkLst>
        </pc:picChg>
      </pc:sldChg>
      <pc:sldMasterChg chg="modSp delSldLayout modSldLayout">
        <pc:chgData name="Daly Donnacha HSLU I" userId="0f22e960-400a-43ff-baeb-4828c8f5cd3a" providerId="ADAL" clId="{F92A1029-2E60-6441-884F-09EADECCDF72}" dt="2021-03-01T19:20:40.595" v="461" actId="255"/>
        <pc:sldMasterMkLst>
          <pc:docMk/>
          <pc:sldMasterMk cId="0" sldId="2147483648"/>
        </pc:sldMasterMkLst>
        <pc:spChg chg="mod">
          <ac:chgData name="Daly Donnacha HSLU I" userId="0f22e960-400a-43ff-baeb-4828c8f5cd3a" providerId="ADAL" clId="{F92A1029-2E60-6441-884F-09EADECCDF72}" dt="2021-03-01T19:20:28.357" v="460" actId="255"/>
          <ac:spMkLst>
            <pc:docMk/>
            <pc:sldMasterMk cId="0" sldId="2147483648"/>
            <ac:spMk id="1027" creationId="{00000000-0000-0000-0000-000000000000}"/>
          </ac:spMkLst>
        </pc:spChg>
        <pc:sldLayoutChg chg="modSp">
          <pc:chgData name="Daly Donnacha HSLU I" userId="0f22e960-400a-43ff-baeb-4828c8f5cd3a" providerId="ADAL" clId="{F92A1029-2E60-6441-884F-09EADECCDF72}" dt="2021-03-01T19:20:40.595" v="461" actId="255"/>
          <pc:sldLayoutMkLst>
            <pc:docMk/>
            <pc:sldMasterMk cId="0" sldId="2147483648"/>
            <pc:sldLayoutMk cId="3091687578" sldId="2147483721"/>
          </pc:sldLayoutMkLst>
          <pc:spChg chg="mod">
            <ac:chgData name="Daly Donnacha HSLU I" userId="0f22e960-400a-43ff-baeb-4828c8f5cd3a" providerId="ADAL" clId="{F92A1029-2E60-6441-884F-09EADECCDF72}" dt="2021-03-01T19:20:40.595" v="461" actId="255"/>
            <ac:spMkLst>
              <pc:docMk/>
              <pc:sldMasterMk cId="0" sldId="2147483648"/>
              <pc:sldLayoutMk cId="3091687578" sldId="2147483721"/>
              <ac:spMk id="2" creationId="{00000000-0000-0000-0000-000000000000}"/>
            </ac:spMkLst>
          </pc:spChg>
        </pc:sldLayoutChg>
        <pc:sldLayoutChg chg="modSp mod">
          <pc:chgData name="Daly Donnacha HSLU I" userId="0f22e960-400a-43ff-baeb-4828c8f5cd3a" providerId="ADAL" clId="{F92A1029-2E60-6441-884F-09EADECCDF72}" dt="2021-03-01T19:12:55.858" v="309" actId="6549"/>
          <pc:sldLayoutMkLst>
            <pc:docMk/>
            <pc:sldMasterMk cId="0" sldId="2147483648"/>
            <pc:sldLayoutMk cId="3920175854" sldId="2147483731"/>
          </pc:sldLayoutMkLst>
          <pc:spChg chg="mod">
            <ac:chgData name="Daly Donnacha HSLU I" userId="0f22e960-400a-43ff-baeb-4828c8f5cd3a" providerId="ADAL" clId="{F92A1029-2E60-6441-884F-09EADECCDF72}" dt="2021-03-01T19:12:55.858" v="309" actId="6549"/>
            <ac:spMkLst>
              <pc:docMk/>
              <pc:sldMasterMk cId="0" sldId="2147483648"/>
              <pc:sldLayoutMk cId="3920175854" sldId="2147483731"/>
              <ac:spMk id="12" creationId="{B1631DD4-D0BA-A144-BAC6-763423D7D698}"/>
            </ac:spMkLst>
          </pc:spChg>
        </pc:sldLayoutChg>
        <pc:sldLayoutChg chg="del">
          <pc:chgData name="Daly Donnacha HSLU I" userId="0f22e960-400a-43ff-baeb-4828c8f5cd3a" providerId="ADAL" clId="{F92A1029-2E60-6441-884F-09EADECCDF72}" dt="2021-03-01T19:20:15.538" v="459" actId="2696"/>
          <pc:sldLayoutMkLst>
            <pc:docMk/>
            <pc:sldMasterMk cId="0" sldId="2147483648"/>
            <pc:sldLayoutMk cId="2069179615" sldId="2147483732"/>
          </pc:sldLayoutMkLst>
        </pc:sldLayoutChg>
      </pc:sldMasterChg>
    </pc:docChg>
  </pc:docChgLst>
  <pc:docChgLst>
    <pc:chgData name="Daly Donnacha HSLU I" userId="0f22e960-400a-43ff-baeb-4828c8f5cd3a" providerId="ADAL" clId="{3BF05FB8-EA89-B242-922C-543B0ECF8560}"/>
    <pc:docChg chg="undo custSel modSld">
      <pc:chgData name="Daly Donnacha HSLU I" userId="0f22e960-400a-43ff-baeb-4828c8f5cd3a" providerId="ADAL" clId="{3BF05FB8-EA89-B242-922C-543B0ECF8560}" dt="2023-03-21T13:28:31.149" v="15" actId="20577"/>
      <pc:docMkLst>
        <pc:docMk/>
      </pc:docMkLst>
      <pc:sldChg chg="modSp mod">
        <pc:chgData name="Daly Donnacha HSLU I" userId="0f22e960-400a-43ff-baeb-4828c8f5cd3a" providerId="ADAL" clId="{3BF05FB8-EA89-B242-922C-543B0ECF8560}" dt="2023-03-21T13:28:31.149" v="15" actId="20577"/>
        <pc:sldMkLst>
          <pc:docMk/>
          <pc:sldMk cId="1290782229" sldId="325"/>
        </pc:sldMkLst>
        <pc:spChg chg="mod">
          <ac:chgData name="Daly Donnacha HSLU I" userId="0f22e960-400a-43ff-baeb-4828c8f5cd3a" providerId="ADAL" clId="{3BF05FB8-EA89-B242-922C-543B0ECF8560}" dt="2023-03-21T13:28:28.862" v="12" actId="404"/>
          <ac:spMkLst>
            <pc:docMk/>
            <pc:sldMk cId="1290782229" sldId="325"/>
            <ac:spMk id="4" creationId="{4BF14FBC-9DA3-B943-88CB-51480C9FBD45}"/>
          </ac:spMkLst>
        </pc:spChg>
        <pc:spChg chg="mod">
          <ac:chgData name="Daly Donnacha HSLU I" userId="0f22e960-400a-43ff-baeb-4828c8f5cd3a" providerId="ADAL" clId="{3BF05FB8-EA89-B242-922C-543B0ECF8560}" dt="2023-03-21T13:28:31.149" v="15" actId="20577"/>
          <ac:spMkLst>
            <pc:docMk/>
            <pc:sldMk cId="1290782229" sldId="325"/>
            <ac:spMk id="6" creationId="{3E3FB270-87BA-C64A-9F66-5A3A4D64B841}"/>
          </ac:spMkLst>
        </pc:spChg>
      </pc:sldChg>
      <pc:sldChg chg="addSp delSp modSp mod">
        <pc:chgData name="Daly Donnacha HSLU I" userId="0f22e960-400a-43ff-baeb-4828c8f5cd3a" providerId="ADAL" clId="{3BF05FB8-EA89-B242-922C-543B0ECF8560}" dt="2023-03-21T10:54:43.318" v="2"/>
        <pc:sldMkLst>
          <pc:docMk/>
          <pc:sldMk cId="2258419668" sldId="346"/>
        </pc:sldMkLst>
        <pc:spChg chg="add del mod">
          <ac:chgData name="Daly Donnacha HSLU I" userId="0f22e960-400a-43ff-baeb-4828c8f5cd3a" providerId="ADAL" clId="{3BF05FB8-EA89-B242-922C-543B0ECF8560}" dt="2023-03-21T10:54:43.318" v="2"/>
          <ac:spMkLst>
            <pc:docMk/>
            <pc:sldMk cId="2258419668" sldId="346"/>
            <ac:spMk id="9" creationId="{D04461A0-3CD4-2AC9-5393-4CDBFBA82441}"/>
          </ac:spMkLst>
        </pc:spChg>
      </pc:sldChg>
      <pc:sldChg chg="modSp">
        <pc:chgData name="Daly Donnacha HSLU I" userId="0f22e960-400a-43ff-baeb-4828c8f5cd3a" providerId="ADAL" clId="{3BF05FB8-EA89-B242-922C-543B0ECF8560}" dt="2023-03-21T11:16:31.850" v="4" actId="1076"/>
        <pc:sldMkLst>
          <pc:docMk/>
          <pc:sldMk cId="1744662638" sldId="348"/>
        </pc:sldMkLst>
        <pc:picChg chg="mod">
          <ac:chgData name="Daly Donnacha HSLU I" userId="0f22e960-400a-43ff-baeb-4828c8f5cd3a" providerId="ADAL" clId="{3BF05FB8-EA89-B242-922C-543B0ECF8560}" dt="2023-03-21T11:16:31.850" v="4" actId="1076"/>
          <ac:picMkLst>
            <pc:docMk/>
            <pc:sldMk cId="1744662638" sldId="348"/>
            <ac:picMk id="9" creationId="{8CDE52AD-BF5B-A64D-AE73-ACBE182ABBC5}"/>
          </ac:picMkLst>
        </pc:picChg>
      </pc:sldChg>
    </pc:docChg>
  </pc:docChgLst>
  <pc:docChgLst>
    <pc:chgData name="Daly Donnacha HSLU I" userId="0f22e960-400a-43ff-baeb-4828c8f5cd3a" providerId="ADAL" clId="{90ACD825-7CCB-1144-949B-40F4AB60967F}"/>
    <pc:docChg chg="modSld modMainMaster">
      <pc:chgData name="Daly Donnacha HSLU I" userId="0f22e960-400a-43ff-baeb-4828c8f5cd3a" providerId="ADAL" clId="{90ACD825-7CCB-1144-949B-40F4AB60967F}" dt="2020-09-05T08:29:49.848" v="72" actId="20577"/>
      <pc:docMkLst>
        <pc:docMk/>
      </pc:docMkLst>
      <pc:sldChg chg="modSp mod">
        <pc:chgData name="Daly Donnacha HSLU I" userId="0f22e960-400a-43ff-baeb-4828c8f5cd3a" providerId="ADAL" clId="{90ACD825-7CCB-1144-949B-40F4AB60967F}" dt="2020-09-05T08:22:15.407" v="27" actId="1035"/>
        <pc:sldMkLst>
          <pc:docMk/>
          <pc:sldMk cId="4067393084" sldId="276"/>
        </pc:sldMkLst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7" creationId="{E159E9FD-CEBF-774E-AD1D-6A289F4ED046}"/>
          </ac:spMkLst>
        </pc:spChg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9" creationId="{F6107974-7178-A146-977E-E37F49D98B84}"/>
          </ac:spMkLst>
        </pc:spChg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14" creationId="{C1380ECD-E782-F14A-8396-7AC34F0361FD}"/>
          </ac:spMkLst>
        </pc:spChg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16" creationId="{0A8DBFC5-187C-4B40-9F9C-00B1EFB8C483}"/>
          </ac:spMkLst>
        </pc:spChg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18" creationId="{F51AF846-9D33-744B-A2BC-75CE19E16B45}"/>
          </ac:spMkLst>
        </pc:spChg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19" creationId="{D306877F-6A04-A642-A81D-6906CFE705F8}"/>
          </ac:spMkLst>
        </pc:spChg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20" creationId="{9BA325C4-9B06-9D43-9BDF-C8081698BEC2}"/>
          </ac:spMkLst>
        </pc:spChg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21" creationId="{4A937B47-DC08-5E45-954E-EDAA17C1B98B}"/>
          </ac:spMkLst>
        </pc:spChg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22" creationId="{19A3C766-0FFE-D743-8A15-3140E7DCCE34}"/>
          </ac:spMkLst>
        </pc:spChg>
        <pc:spChg chg="mod">
          <ac:chgData name="Daly Donnacha HSLU I" userId="0f22e960-400a-43ff-baeb-4828c8f5cd3a" providerId="ADAL" clId="{90ACD825-7CCB-1144-949B-40F4AB60967F}" dt="2020-09-05T08:22:15.407" v="27" actId="1035"/>
          <ac:spMkLst>
            <pc:docMk/>
            <pc:sldMk cId="4067393084" sldId="276"/>
            <ac:spMk id="23" creationId="{945A2242-780C-0F40-A555-A9C4273A2119}"/>
          </ac:spMkLst>
        </pc:spChg>
        <pc:picChg chg="mod">
          <ac:chgData name="Daly Donnacha HSLU I" userId="0f22e960-400a-43ff-baeb-4828c8f5cd3a" providerId="ADAL" clId="{90ACD825-7CCB-1144-949B-40F4AB60967F}" dt="2020-09-05T08:22:15.407" v="27" actId="1035"/>
          <ac:picMkLst>
            <pc:docMk/>
            <pc:sldMk cId="4067393084" sldId="276"/>
            <ac:picMk id="3074" creationId="{F9608FE7-0F7D-6A4B-9348-88228E87667E}"/>
          </ac:picMkLst>
        </pc:picChg>
      </pc:sldChg>
      <pc:sldChg chg="modSp mod">
        <pc:chgData name="Daly Donnacha HSLU I" userId="0f22e960-400a-43ff-baeb-4828c8f5cd3a" providerId="ADAL" clId="{90ACD825-7CCB-1144-949B-40F4AB60967F}" dt="2020-09-05T08:29:49.848" v="72" actId="20577"/>
        <pc:sldMkLst>
          <pc:docMk/>
          <pc:sldMk cId="662416125" sldId="279"/>
        </pc:sldMkLst>
        <pc:spChg chg="mod">
          <ac:chgData name="Daly Donnacha HSLU I" userId="0f22e960-400a-43ff-baeb-4828c8f5cd3a" providerId="ADAL" clId="{90ACD825-7CCB-1144-949B-40F4AB60967F}" dt="2020-09-05T08:29:49.848" v="72" actId="20577"/>
          <ac:spMkLst>
            <pc:docMk/>
            <pc:sldMk cId="662416125" sldId="279"/>
            <ac:spMk id="2" creationId="{4A11D16A-03FB-D64B-9EF6-6518847E98FD}"/>
          </ac:spMkLst>
        </pc:spChg>
        <pc:spChg chg="mod">
          <ac:chgData name="Daly Donnacha HSLU I" userId="0f22e960-400a-43ff-baeb-4828c8f5cd3a" providerId="ADAL" clId="{90ACD825-7CCB-1144-949B-40F4AB60967F}" dt="2020-09-05T08:29:41.573" v="69" actId="20577"/>
          <ac:spMkLst>
            <pc:docMk/>
            <pc:sldMk cId="662416125" sldId="279"/>
            <ac:spMk id="4" creationId="{FC5F6C40-F241-3340-999D-FD5515B88C00}"/>
          </ac:spMkLst>
        </pc:spChg>
      </pc:sldChg>
      <pc:sldMasterChg chg="modSldLayout">
        <pc:chgData name="Daly Donnacha HSLU I" userId="0f22e960-400a-43ff-baeb-4828c8f5cd3a" providerId="ADAL" clId="{90ACD825-7CCB-1144-949B-40F4AB60967F}" dt="2020-09-05T08:21:20.689" v="6" actId="20577"/>
        <pc:sldMasterMkLst>
          <pc:docMk/>
          <pc:sldMasterMk cId="0" sldId="2147483648"/>
        </pc:sldMasterMkLst>
        <pc:sldLayoutChg chg="modSp mod">
          <pc:chgData name="Daly Donnacha HSLU I" userId="0f22e960-400a-43ff-baeb-4828c8f5cd3a" providerId="ADAL" clId="{90ACD825-7CCB-1144-949B-40F4AB60967F}" dt="2020-09-05T08:21:00.928" v="2" actId="20577"/>
          <pc:sldLayoutMkLst>
            <pc:docMk/>
            <pc:sldMasterMk cId="0" sldId="2147483648"/>
            <pc:sldLayoutMk cId="3920175854" sldId="2147483731"/>
          </pc:sldLayoutMkLst>
          <pc:spChg chg="mod">
            <ac:chgData name="Daly Donnacha HSLU I" userId="0f22e960-400a-43ff-baeb-4828c8f5cd3a" providerId="ADAL" clId="{90ACD825-7CCB-1144-949B-40F4AB60967F}" dt="2020-09-05T08:21:00.928" v="2" actId="20577"/>
            <ac:spMkLst>
              <pc:docMk/>
              <pc:sldMasterMk cId="0" sldId="2147483648"/>
              <pc:sldLayoutMk cId="3920175854" sldId="2147483731"/>
              <ac:spMk id="16" creationId="{00000000-0000-0000-0000-000000000000}"/>
            </ac:spMkLst>
          </pc:spChg>
        </pc:sldLayoutChg>
        <pc:sldLayoutChg chg="modSp mod">
          <pc:chgData name="Daly Donnacha HSLU I" userId="0f22e960-400a-43ff-baeb-4828c8f5cd3a" providerId="ADAL" clId="{90ACD825-7CCB-1144-949B-40F4AB60967F}" dt="2020-09-05T08:21:20.689" v="6" actId="20577"/>
          <pc:sldLayoutMkLst>
            <pc:docMk/>
            <pc:sldMasterMk cId="0" sldId="2147483648"/>
            <pc:sldLayoutMk cId="2069179615" sldId="2147483732"/>
          </pc:sldLayoutMkLst>
          <pc:spChg chg="mod">
            <ac:chgData name="Daly Donnacha HSLU I" userId="0f22e960-400a-43ff-baeb-4828c8f5cd3a" providerId="ADAL" clId="{90ACD825-7CCB-1144-949B-40F4AB60967F}" dt="2020-09-05T08:21:20.689" v="6" actId="20577"/>
            <ac:spMkLst>
              <pc:docMk/>
              <pc:sldMasterMk cId="0" sldId="2147483648"/>
              <pc:sldLayoutMk cId="2069179615" sldId="2147483732"/>
              <ac:spMk id="5" creationId="{098F5E5F-8199-3946-9A4A-D41590936E9E}"/>
            </ac:spMkLst>
          </pc:spChg>
        </pc:sldLayoutChg>
      </pc:sldMasterChg>
    </pc:docChg>
  </pc:docChgLst>
  <pc:docChgLst>
    <pc:chgData name="Daly Donnacha HSLU I" userId="0f22e960-400a-43ff-baeb-4828c8f5cd3a" providerId="ADAL" clId="{DD099251-2315-8B42-A99C-B83702B1203C}"/>
    <pc:docChg chg="undo custSel addSld delSld modSld sldOrd modMainMaster">
      <pc:chgData name="Daly Donnacha HSLU I" userId="0f22e960-400a-43ff-baeb-4828c8f5cd3a" providerId="ADAL" clId="{DD099251-2315-8B42-A99C-B83702B1203C}" dt="2020-10-27T05:10:18.699" v="3306" actId="255"/>
      <pc:docMkLst>
        <pc:docMk/>
      </pc:docMkLst>
      <pc:sldChg chg="modSp mod">
        <pc:chgData name="Daly Donnacha HSLU I" userId="0f22e960-400a-43ff-baeb-4828c8f5cd3a" providerId="ADAL" clId="{DD099251-2315-8B42-A99C-B83702B1203C}" dt="2020-10-26T13:05:47.124" v="65" actId="20577"/>
        <pc:sldMkLst>
          <pc:docMk/>
          <pc:sldMk cId="0" sldId="256"/>
        </pc:sldMkLst>
        <pc:spChg chg="mod">
          <ac:chgData name="Daly Donnacha HSLU I" userId="0f22e960-400a-43ff-baeb-4828c8f5cd3a" providerId="ADAL" clId="{DD099251-2315-8B42-A99C-B83702B1203C}" dt="2020-10-26T13:05:47.124" v="65" actId="20577"/>
          <ac:spMkLst>
            <pc:docMk/>
            <pc:sldMk cId="0" sldId="256"/>
            <ac:spMk id="3075" creationId="{00000000-0000-0000-0000-000000000000}"/>
          </ac:spMkLst>
        </pc:spChg>
      </pc:sldChg>
      <pc:sldChg chg="modSp mod">
        <pc:chgData name="Daly Donnacha HSLU I" userId="0f22e960-400a-43ff-baeb-4828c8f5cd3a" providerId="ADAL" clId="{DD099251-2315-8B42-A99C-B83702B1203C}" dt="2020-10-27T04:07:14.615" v="2759" actId="207"/>
        <pc:sldMkLst>
          <pc:docMk/>
          <pc:sldMk cId="2112635940" sldId="275"/>
        </pc:sldMkLst>
        <pc:spChg chg="mod">
          <ac:chgData name="Daly Donnacha HSLU I" userId="0f22e960-400a-43ff-baeb-4828c8f5cd3a" providerId="ADAL" clId="{DD099251-2315-8B42-A99C-B83702B1203C}" dt="2020-10-27T03:03:16.043" v="1482" actId="20577"/>
          <ac:spMkLst>
            <pc:docMk/>
            <pc:sldMk cId="2112635940" sldId="275"/>
            <ac:spMk id="2" creationId="{4A11D16A-03FB-D64B-9EF6-6518847E98FD}"/>
          </ac:spMkLst>
        </pc:spChg>
        <pc:spChg chg="mod">
          <ac:chgData name="Daly Donnacha HSLU I" userId="0f22e960-400a-43ff-baeb-4828c8f5cd3a" providerId="ADAL" clId="{DD099251-2315-8B42-A99C-B83702B1203C}" dt="2020-10-27T04:07:14.615" v="2759" actId="207"/>
          <ac:spMkLst>
            <pc:docMk/>
            <pc:sldMk cId="2112635940" sldId="275"/>
            <ac:spMk id="3" creationId="{0F4BCA3E-DCDA-8E49-98E9-CEF59768470A}"/>
          </ac:spMkLst>
        </pc:spChg>
        <pc:spChg chg="mod">
          <ac:chgData name="Daly Donnacha HSLU I" userId="0f22e960-400a-43ff-baeb-4828c8f5cd3a" providerId="ADAL" clId="{DD099251-2315-8B42-A99C-B83702B1203C}" dt="2020-10-27T02:57:29.433" v="1359" actId="14100"/>
          <ac:spMkLst>
            <pc:docMk/>
            <pc:sldMk cId="2112635940" sldId="275"/>
            <ac:spMk id="4" creationId="{1190C09F-0D6E-0A4C-B0EE-B4350428B9F4}"/>
          </ac:spMkLst>
        </pc:spChg>
        <pc:spChg chg="mod">
          <ac:chgData name="Daly Donnacha HSLU I" userId="0f22e960-400a-43ff-baeb-4828c8f5cd3a" providerId="ADAL" clId="{DD099251-2315-8B42-A99C-B83702B1203C}" dt="2020-10-27T02:59:22.467" v="1466" actId="1035"/>
          <ac:spMkLst>
            <pc:docMk/>
            <pc:sldMk cId="2112635940" sldId="275"/>
            <ac:spMk id="7" creationId="{1AD50310-DB70-B34A-8B0F-048EA7C93CB1}"/>
          </ac:spMkLst>
        </pc:spChg>
        <pc:spChg chg="mod">
          <ac:chgData name="Daly Donnacha HSLU I" userId="0f22e960-400a-43ff-baeb-4828c8f5cd3a" providerId="ADAL" clId="{DD099251-2315-8B42-A99C-B83702B1203C}" dt="2020-10-27T02:59:16.808" v="1462" actId="20577"/>
          <ac:spMkLst>
            <pc:docMk/>
            <pc:sldMk cId="2112635940" sldId="275"/>
            <ac:spMk id="9" creationId="{884D0979-3F02-0B4C-B29E-3FDACE54A804}"/>
          </ac:spMkLst>
        </pc:spChg>
        <pc:spChg chg="mod">
          <ac:chgData name="Daly Donnacha HSLU I" userId="0f22e960-400a-43ff-baeb-4828c8f5cd3a" providerId="ADAL" clId="{DD099251-2315-8B42-A99C-B83702B1203C}" dt="2020-10-27T02:59:22.467" v="1466" actId="1035"/>
          <ac:spMkLst>
            <pc:docMk/>
            <pc:sldMk cId="2112635940" sldId="275"/>
            <ac:spMk id="10" creationId="{7A22ECE5-A411-834F-AD46-466F5D3DE4CC}"/>
          </ac:spMkLst>
        </pc:spChg>
        <pc:spChg chg="mod">
          <ac:chgData name="Daly Donnacha HSLU I" userId="0f22e960-400a-43ff-baeb-4828c8f5cd3a" providerId="ADAL" clId="{DD099251-2315-8B42-A99C-B83702B1203C}" dt="2020-10-27T02:59:22.467" v="1466" actId="1035"/>
          <ac:spMkLst>
            <pc:docMk/>
            <pc:sldMk cId="2112635940" sldId="275"/>
            <ac:spMk id="12" creationId="{77765C5A-D23E-F94D-AA78-F273075D7D84}"/>
          </ac:spMkLst>
        </pc:spChg>
        <pc:spChg chg="mod">
          <ac:chgData name="Daly Donnacha HSLU I" userId="0f22e960-400a-43ff-baeb-4828c8f5cd3a" providerId="ADAL" clId="{DD099251-2315-8B42-A99C-B83702B1203C}" dt="2020-10-27T02:59:22.467" v="1466" actId="1035"/>
          <ac:spMkLst>
            <pc:docMk/>
            <pc:sldMk cId="2112635940" sldId="275"/>
            <ac:spMk id="13" creationId="{29CCF4AD-DB95-FB4B-81D4-4E9F8BF9E450}"/>
          </ac:spMkLst>
        </pc:spChg>
        <pc:spChg chg="mod">
          <ac:chgData name="Daly Donnacha HSLU I" userId="0f22e960-400a-43ff-baeb-4828c8f5cd3a" providerId="ADAL" clId="{DD099251-2315-8B42-A99C-B83702B1203C}" dt="2020-10-27T02:59:22.467" v="1466" actId="1035"/>
          <ac:spMkLst>
            <pc:docMk/>
            <pc:sldMk cId="2112635940" sldId="275"/>
            <ac:spMk id="14" creationId="{CF5CE2E6-F27E-2B44-8BD0-D7898E0B11A1}"/>
          </ac:spMkLst>
        </pc:spChg>
        <pc:spChg chg="mod">
          <ac:chgData name="Daly Donnacha HSLU I" userId="0f22e960-400a-43ff-baeb-4828c8f5cd3a" providerId="ADAL" clId="{DD099251-2315-8B42-A99C-B83702B1203C}" dt="2020-10-27T02:59:22.467" v="1466" actId="1035"/>
          <ac:spMkLst>
            <pc:docMk/>
            <pc:sldMk cId="2112635940" sldId="275"/>
            <ac:spMk id="15" creationId="{32A33955-1D60-D04C-B6B2-225F58CB6E81}"/>
          </ac:spMkLst>
        </pc:spChg>
        <pc:spChg chg="mod">
          <ac:chgData name="Daly Donnacha HSLU I" userId="0f22e960-400a-43ff-baeb-4828c8f5cd3a" providerId="ADAL" clId="{DD099251-2315-8B42-A99C-B83702B1203C}" dt="2020-10-27T02:59:22.467" v="1466" actId="1035"/>
          <ac:spMkLst>
            <pc:docMk/>
            <pc:sldMk cId="2112635940" sldId="275"/>
            <ac:spMk id="16" creationId="{87A66900-F27B-B647-B258-7549B49C65AC}"/>
          </ac:spMkLst>
        </pc:spChg>
        <pc:spChg chg="mod">
          <ac:chgData name="Daly Donnacha HSLU I" userId="0f22e960-400a-43ff-baeb-4828c8f5cd3a" providerId="ADAL" clId="{DD099251-2315-8B42-A99C-B83702B1203C}" dt="2020-10-27T02:59:22.467" v="1466" actId="1035"/>
          <ac:spMkLst>
            <pc:docMk/>
            <pc:sldMk cId="2112635940" sldId="275"/>
            <ac:spMk id="18" creationId="{CC34CF44-3164-BD41-A320-50F670EFE567}"/>
          </ac:spMkLst>
        </pc:sp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22" creationId="{8B0DF1B3-9516-A644-A0B1-A59FFAB9F66E}"/>
          </ac:cxnSpMkLst>
        </pc:cxn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23" creationId="{D1CE144A-2F0A-F744-9928-45298376911E}"/>
          </ac:cxnSpMkLst>
        </pc:cxn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25" creationId="{A826880D-7B08-6448-8E43-466B39182EFA}"/>
          </ac:cxnSpMkLst>
        </pc:cxn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27" creationId="{A6CDAA6A-4DA0-A845-A0E7-0EA8DD6810A0}"/>
          </ac:cxnSpMkLst>
        </pc:cxn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29" creationId="{F6A1534E-84A5-E947-A7EA-EA403473CE61}"/>
          </ac:cxnSpMkLst>
        </pc:cxn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31" creationId="{63E3B5DD-4DDB-2240-8898-5C60CC87BD7F}"/>
          </ac:cxnSpMkLst>
        </pc:cxn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35" creationId="{59E4EA2B-2089-D24C-A972-5D894092F7CC}"/>
          </ac:cxnSpMkLst>
        </pc:cxn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43" creationId="{54AC7783-E9D5-634A-BBB9-C6E9E1FE5936}"/>
          </ac:cxnSpMkLst>
        </pc:cxn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47" creationId="{67E4DB02-A62E-D547-B23B-D0393ED3F214}"/>
          </ac:cxnSpMkLst>
        </pc:cxnChg>
        <pc:cxnChg chg="mod">
          <ac:chgData name="Daly Donnacha HSLU I" userId="0f22e960-400a-43ff-baeb-4828c8f5cd3a" providerId="ADAL" clId="{DD099251-2315-8B42-A99C-B83702B1203C}" dt="2020-10-27T02:59:22.467" v="1466" actId="1035"/>
          <ac:cxnSpMkLst>
            <pc:docMk/>
            <pc:sldMk cId="2112635940" sldId="275"/>
            <ac:cxnSpMk id="53" creationId="{72B62C97-E66E-D141-9918-7C114F656731}"/>
          </ac:cxnSpMkLst>
        </pc:cxnChg>
      </pc:sldChg>
      <pc:sldChg chg="addSp delSp modSp del mod ord">
        <pc:chgData name="Daly Donnacha HSLU I" userId="0f22e960-400a-43ff-baeb-4828c8f5cd3a" providerId="ADAL" clId="{DD099251-2315-8B42-A99C-B83702B1203C}" dt="2020-10-27T03:32:21.346" v="1880" actId="2696"/>
        <pc:sldMkLst>
          <pc:docMk/>
          <pc:sldMk cId="1185666152" sldId="277"/>
        </pc:sldMkLst>
        <pc:spChg chg="mod">
          <ac:chgData name="Daly Donnacha HSLU I" userId="0f22e960-400a-43ff-baeb-4828c8f5cd3a" providerId="ADAL" clId="{DD099251-2315-8B42-A99C-B83702B1203C}" dt="2020-10-26T13:47:11.776" v="1138" actId="20577"/>
          <ac:spMkLst>
            <pc:docMk/>
            <pc:sldMk cId="1185666152" sldId="277"/>
            <ac:spMk id="2" creationId="{65172897-2705-C543-ABB6-B539F62DBC53}"/>
          </ac:spMkLst>
        </pc:spChg>
        <pc:picChg chg="add mod">
          <ac:chgData name="Daly Donnacha HSLU I" userId="0f22e960-400a-43ff-baeb-4828c8f5cd3a" providerId="ADAL" clId="{DD099251-2315-8B42-A99C-B83702B1203C}" dt="2020-10-26T13:46:29.616" v="1102" actId="1035"/>
          <ac:picMkLst>
            <pc:docMk/>
            <pc:sldMk cId="1185666152" sldId="277"/>
            <ac:picMk id="3" creationId="{2DD250F4-B183-7745-9681-EF143B38CCF6}"/>
          </ac:picMkLst>
        </pc:picChg>
        <pc:picChg chg="del">
          <ac:chgData name="Daly Donnacha HSLU I" userId="0f22e960-400a-43ff-baeb-4828c8f5cd3a" providerId="ADAL" clId="{DD099251-2315-8B42-A99C-B83702B1203C}" dt="2020-10-26T13:36:17.498" v="1027" actId="478"/>
          <ac:picMkLst>
            <pc:docMk/>
            <pc:sldMk cId="1185666152" sldId="277"/>
            <ac:picMk id="4" creationId="{F47D13E7-A8A9-364C-BFFD-561D8D2A765B}"/>
          </ac:picMkLst>
        </pc:picChg>
      </pc:sldChg>
      <pc:sldChg chg="addSp delSp modSp add del mod">
        <pc:chgData name="Daly Donnacha HSLU I" userId="0f22e960-400a-43ff-baeb-4828c8f5cd3a" providerId="ADAL" clId="{DD099251-2315-8B42-A99C-B83702B1203C}" dt="2020-10-27T03:32:16.429" v="1877" actId="2696"/>
        <pc:sldMkLst>
          <pc:docMk/>
          <pc:sldMk cId="1696515452" sldId="278"/>
        </pc:sldMkLst>
        <pc:spChg chg="mod">
          <ac:chgData name="Daly Donnacha HSLU I" userId="0f22e960-400a-43ff-baeb-4828c8f5cd3a" providerId="ADAL" clId="{DD099251-2315-8B42-A99C-B83702B1203C}" dt="2020-10-27T03:24:05.574" v="1725" actId="20577"/>
          <ac:spMkLst>
            <pc:docMk/>
            <pc:sldMk cId="1696515452" sldId="278"/>
            <ac:spMk id="2" creationId="{65172897-2705-C543-ABB6-B539F62DBC53}"/>
          </ac:spMkLst>
        </pc:spChg>
        <pc:spChg chg="add mod">
          <ac:chgData name="Daly Donnacha HSLU I" userId="0f22e960-400a-43ff-baeb-4828c8f5cd3a" providerId="ADAL" clId="{DD099251-2315-8B42-A99C-B83702B1203C}" dt="2020-10-27T03:28:18.149" v="1840" actId="255"/>
          <ac:spMkLst>
            <pc:docMk/>
            <pc:sldMk cId="1696515452" sldId="278"/>
            <ac:spMk id="5" creationId="{6BD1718B-870D-AB4E-B151-755710E7F28F}"/>
          </ac:spMkLst>
        </pc:spChg>
        <pc:spChg chg="add mod">
          <ac:chgData name="Daly Donnacha HSLU I" userId="0f22e960-400a-43ff-baeb-4828c8f5cd3a" providerId="ADAL" clId="{DD099251-2315-8B42-A99C-B83702B1203C}" dt="2020-10-27T03:28:27.770" v="1842" actId="255"/>
          <ac:spMkLst>
            <pc:docMk/>
            <pc:sldMk cId="1696515452" sldId="278"/>
            <ac:spMk id="6" creationId="{A96B6390-82B2-4940-AE2D-570DC39CCD87}"/>
          </ac:spMkLst>
        </pc:spChg>
        <pc:spChg chg="add mod">
          <ac:chgData name="Daly Donnacha HSLU I" userId="0f22e960-400a-43ff-baeb-4828c8f5cd3a" providerId="ADAL" clId="{DD099251-2315-8B42-A99C-B83702B1203C}" dt="2020-10-27T03:28:49.588" v="1865" actId="20577"/>
          <ac:spMkLst>
            <pc:docMk/>
            <pc:sldMk cId="1696515452" sldId="278"/>
            <ac:spMk id="7" creationId="{3489BA96-35C2-6C4B-B984-E927C7C85EAE}"/>
          </ac:spMkLst>
        </pc:spChg>
        <pc:spChg chg="add mod">
          <ac:chgData name="Daly Donnacha HSLU I" userId="0f22e960-400a-43ff-baeb-4828c8f5cd3a" providerId="ADAL" clId="{DD099251-2315-8B42-A99C-B83702B1203C}" dt="2020-10-27T03:17:47.957" v="1634" actId="2710"/>
          <ac:spMkLst>
            <pc:docMk/>
            <pc:sldMk cId="1696515452" sldId="278"/>
            <ac:spMk id="8" creationId="{FC7E8754-BCDC-3346-8869-9BEDCADA7D97}"/>
          </ac:spMkLst>
        </pc:spChg>
        <pc:picChg chg="del mod modCrop">
          <ac:chgData name="Daly Donnacha HSLU I" userId="0f22e960-400a-43ff-baeb-4828c8f5cd3a" providerId="ADAL" clId="{DD099251-2315-8B42-A99C-B83702B1203C}" dt="2020-10-26T13:47:29.961" v="1139" actId="478"/>
          <ac:picMkLst>
            <pc:docMk/>
            <pc:sldMk cId="1696515452" sldId="278"/>
            <ac:picMk id="3" creationId="{2DD250F4-B183-7745-9681-EF143B38CCF6}"/>
          </ac:picMkLst>
        </pc:picChg>
        <pc:picChg chg="add mod modCrop">
          <ac:chgData name="Daly Donnacha HSLU I" userId="0f22e960-400a-43ff-baeb-4828c8f5cd3a" providerId="ADAL" clId="{DD099251-2315-8B42-A99C-B83702B1203C}" dt="2020-10-26T13:47:50.480" v="1142" actId="732"/>
          <ac:picMkLst>
            <pc:docMk/>
            <pc:sldMk cId="1696515452" sldId="278"/>
            <ac:picMk id="4" creationId="{F2A71650-5988-4E43-90CB-86226A0B64BA}"/>
          </ac:picMkLst>
        </pc:picChg>
      </pc:sldChg>
      <pc:sldChg chg="del">
        <pc:chgData name="Daly Donnacha HSLU I" userId="0f22e960-400a-43ff-baeb-4828c8f5cd3a" providerId="ADAL" clId="{DD099251-2315-8B42-A99C-B83702B1203C}" dt="2020-10-26T13:07:02.212" v="167" actId="2696"/>
        <pc:sldMkLst>
          <pc:docMk/>
          <pc:sldMk cId="2855209290" sldId="278"/>
        </pc:sldMkLst>
      </pc:sldChg>
      <pc:sldChg chg="del">
        <pc:chgData name="Daly Donnacha HSLU I" userId="0f22e960-400a-43ff-baeb-4828c8f5cd3a" providerId="ADAL" clId="{DD099251-2315-8B42-A99C-B83702B1203C}" dt="2020-10-26T13:07:39.884" v="168" actId="2696"/>
        <pc:sldMkLst>
          <pc:docMk/>
          <pc:sldMk cId="3604923640" sldId="279"/>
        </pc:sldMkLst>
      </pc:sldChg>
      <pc:sldChg chg="modSp add del mod">
        <pc:chgData name="Daly Donnacha HSLU I" userId="0f22e960-400a-43ff-baeb-4828c8f5cd3a" providerId="ADAL" clId="{DD099251-2315-8B42-A99C-B83702B1203C}" dt="2020-10-27T03:32:18.419" v="1878" actId="2696"/>
        <pc:sldMkLst>
          <pc:docMk/>
          <pc:sldMk cId="3929867771" sldId="279"/>
        </pc:sldMkLst>
        <pc:spChg chg="mod">
          <ac:chgData name="Daly Donnacha HSLU I" userId="0f22e960-400a-43ff-baeb-4828c8f5cd3a" providerId="ADAL" clId="{DD099251-2315-8B42-A99C-B83702B1203C}" dt="2020-10-26T13:54:03.361" v="1317" actId="20577"/>
          <ac:spMkLst>
            <pc:docMk/>
            <pc:sldMk cId="3929867771" sldId="279"/>
            <ac:spMk id="2" creationId="{65172897-2705-C543-ABB6-B539F62DBC53}"/>
          </ac:spMkLst>
        </pc:spChg>
        <pc:picChg chg="mod modCrop">
          <ac:chgData name="Daly Donnacha HSLU I" userId="0f22e960-400a-43ff-baeb-4828c8f5cd3a" providerId="ADAL" clId="{DD099251-2315-8B42-A99C-B83702B1203C}" dt="2020-10-26T13:54:29.816" v="1320" actId="732"/>
          <ac:picMkLst>
            <pc:docMk/>
            <pc:sldMk cId="3929867771" sldId="279"/>
            <ac:picMk id="3" creationId="{2DD250F4-B183-7745-9681-EF143B38CCF6}"/>
          </ac:picMkLst>
        </pc:picChg>
      </pc:sldChg>
      <pc:sldChg chg="modSp add del mod">
        <pc:chgData name="Daly Donnacha HSLU I" userId="0f22e960-400a-43ff-baeb-4828c8f5cd3a" providerId="ADAL" clId="{DD099251-2315-8B42-A99C-B83702B1203C}" dt="2020-10-27T03:32:18.813" v="1879" actId="2696"/>
        <pc:sldMkLst>
          <pc:docMk/>
          <pc:sldMk cId="3209045764" sldId="280"/>
        </pc:sldMkLst>
        <pc:spChg chg="mod">
          <ac:chgData name="Daly Donnacha HSLU I" userId="0f22e960-400a-43ff-baeb-4828c8f5cd3a" providerId="ADAL" clId="{DD099251-2315-8B42-A99C-B83702B1203C}" dt="2020-10-26T13:55:02.506" v="1355" actId="5793"/>
          <ac:spMkLst>
            <pc:docMk/>
            <pc:sldMk cId="3209045764" sldId="280"/>
            <ac:spMk id="2" creationId="{65172897-2705-C543-ABB6-B539F62DBC53}"/>
          </ac:spMkLst>
        </pc:spChg>
        <pc:picChg chg="mod modCrop">
          <ac:chgData name="Daly Donnacha HSLU I" userId="0f22e960-400a-43ff-baeb-4828c8f5cd3a" providerId="ADAL" clId="{DD099251-2315-8B42-A99C-B83702B1203C}" dt="2020-10-26T13:55:18.697" v="1357" actId="732"/>
          <ac:picMkLst>
            <pc:docMk/>
            <pc:sldMk cId="3209045764" sldId="280"/>
            <ac:picMk id="3" creationId="{2DD250F4-B183-7745-9681-EF143B38CCF6}"/>
          </ac:picMkLst>
        </pc:picChg>
      </pc:sldChg>
      <pc:sldChg chg="modSp add mod">
        <pc:chgData name="Daly Donnacha HSLU I" userId="0f22e960-400a-43ff-baeb-4828c8f5cd3a" providerId="ADAL" clId="{DD099251-2315-8B42-A99C-B83702B1203C}" dt="2020-10-27T03:32:47.250" v="1882" actId="732"/>
        <pc:sldMkLst>
          <pc:docMk/>
          <pc:sldMk cId="591590477" sldId="281"/>
        </pc:sldMkLst>
        <pc:picChg chg="mod modCrop">
          <ac:chgData name="Daly Donnacha HSLU I" userId="0f22e960-400a-43ff-baeb-4828c8f5cd3a" providerId="ADAL" clId="{DD099251-2315-8B42-A99C-B83702B1203C}" dt="2020-10-27T03:32:47.250" v="1882" actId="732"/>
          <ac:picMkLst>
            <pc:docMk/>
            <pc:sldMk cId="591590477" sldId="281"/>
            <ac:picMk id="3" creationId="{2DD250F4-B183-7745-9681-EF143B38CCF6}"/>
          </ac:picMkLst>
        </pc:picChg>
      </pc:sldChg>
      <pc:sldChg chg="addSp delSp modSp add mod">
        <pc:chgData name="Daly Donnacha HSLU I" userId="0f22e960-400a-43ff-baeb-4828c8f5cd3a" providerId="ADAL" clId="{DD099251-2315-8B42-A99C-B83702B1203C}" dt="2020-10-27T04:23:39.819" v="3282" actId="20577"/>
        <pc:sldMkLst>
          <pc:docMk/>
          <pc:sldMk cId="2931118177" sldId="282"/>
        </pc:sldMkLst>
        <pc:spChg chg="mod">
          <ac:chgData name="Daly Donnacha HSLU I" userId="0f22e960-400a-43ff-baeb-4828c8f5cd3a" providerId="ADAL" clId="{DD099251-2315-8B42-A99C-B83702B1203C}" dt="2020-10-27T04:23:39.819" v="3282" actId="20577"/>
          <ac:spMkLst>
            <pc:docMk/>
            <pc:sldMk cId="2931118177" sldId="282"/>
            <ac:spMk id="2" creationId="{65172897-2705-C543-ABB6-B539F62DBC53}"/>
          </ac:spMkLst>
        </pc:spChg>
        <pc:spChg chg="add mod">
          <ac:chgData name="Daly Donnacha HSLU I" userId="0f22e960-400a-43ff-baeb-4828c8f5cd3a" providerId="ADAL" clId="{DD099251-2315-8B42-A99C-B83702B1203C}" dt="2020-10-27T03:48:08.076" v="2251" actId="20577"/>
          <ac:spMkLst>
            <pc:docMk/>
            <pc:sldMk cId="2931118177" sldId="282"/>
            <ac:spMk id="4" creationId="{2D9DE8CF-A220-2046-A214-44C4D7C35A66}"/>
          </ac:spMkLst>
        </pc:spChg>
        <pc:spChg chg="add mod">
          <ac:chgData name="Daly Donnacha HSLU I" userId="0f22e960-400a-43ff-baeb-4828c8f5cd3a" providerId="ADAL" clId="{DD099251-2315-8B42-A99C-B83702B1203C}" dt="2020-10-27T03:48:19.463" v="2257" actId="20577"/>
          <ac:spMkLst>
            <pc:docMk/>
            <pc:sldMk cId="2931118177" sldId="282"/>
            <ac:spMk id="5" creationId="{202B7C16-A673-5445-ABC5-89BC14359675}"/>
          </ac:spMkLst>
        </pc:spChg>
        <pc:spChg chg="add mod">
          <ac:chgData name="Daly Donnacha HSLU I" userId="0f22e960-400a-43ff-baeb-4828c8f5cd3a" providerId="ADAL" clId="{DD099251-2315-8B42-A99C-B83702B1203C}" dt="2020-10-27T03:56:52.593" v="2517" actId="20577"/>
          <ac:spMkLst>
            <pc:docMk/>
            <pc:sldMk cId="2931118177" sldId="282"/>
            <ac:spMk id="6" creationId="{D995CBEC-0ABD-9E4B-B4D1-51E8A472D908}"/>
          </ac:spMkLst>
        </pc:spChg>
        <pc:spChg chg="add mod">
          <ac:chgData name="Daly Donnacha HSLU I" userId="0f22e960-400a-43ff-baeb-4828c8f5cd3a" providerId="ADAL" clId="{DD099251-2315-8B42-A99C-B83702B1203C}" dt="2020-10-27T04:21:12.636" v="3280" actId="20577"/>
          <ac:spMkLst>
            <pc:docMk/>
            <pc:sldMk cId="2931118177" sldId="282"/>
            <ac:spMk id="7" creationId="{B661B168-C23F-0E4A-AFC8-50DFA24BAD82}"/>
          </ac:spMkLst>
        </pc:spChg>
        <pc:spChg chg="add mod">
          <ac:chgData name="Daly Donnacha HSLU I" userId="0f22e960-400a-43ff-baeb-4828c8f5cd3a" providerId="ADAL" clId="{DD099251-2315-8B42-A99C-B83702B1203C}" dt="2020-10-27T03:41:51.518" v="2073" actId="20577"/>
          <ac:spMkLst>
            <pc:docMk/>
            <pc:sldMk cId="2931118177" sldId="282"/>
            <ac:spMk id="9" creationId="{82C116FD-35C8-4042-AE7C-4D95854594A4}"/>
          </ac:spMkLst>
        </pc:spChg>
        <pc:picChg chg="del mod modCrop">
          <ac:chgData name="Daly Donnacha HSLU I" userId="0f22e960-400a-43ff-baeb-4828c8f5cd3a" providerId="ADAL" clId="{DD099251-2315-8B42-A99C-B83702B1203C}" dt="2020-10-27T03:33:01.263" v="1883" actId="478"/>
          <ac:picMkLst>
            <pc:docMk/>
            <pc:sldMk cId="2931118177" sldId="282"/>
            <ac:picMk id="3" creationId="{2DD250F4-B183-7745-9681-EF143B38CCF6}"/>
          </ac:picMkLst>
        </pc:picChg>
        <pc:picChg chg="add mod modCrop">
          <ac:chgData name="Daly Donnacha HSLU I" userId="0f22e960-400a-43ff-baeb-4828c8f5cd3a" providerId="ADAL" clId="{DD099251-2315-8B42-A99C-B83702B1203C}" dt="2020-10-27T03:33:07.584" v="1885" actId="732"/>
          <ac:picMkLst>
            <pc:docMk/>
            <pc:sldMk cId="2931118177" sldId="282"/>
            <ac:picMk id="8" creationId="{124825E7-5AA2-6141-BA9E-02563091E122}"/>
          </ac:picMkLst>
        </pc:picChg>
      </pc:sldChg>
      <pc:sldChg chg="addSp modSp add mod">
        <pc:chgData name="Daly Donnacha HSLU I" userId="0f22e960-400a-43ff-baeb-4828c8f5cd3a" providerId="ADAL" clId="{DD099251-2315-8B42-A99C-B83702B1203C}" dt="2020-10-27T04:05:49.985" v="2729" actId="20577"/>
        <pc:sldMkLst>
          <pc:docMk/>
          <pc:sldMk cId="2089926485" sldId="283"/>
        </pc:sldMkLst>
        <pc:spChg chg="mod">
          <ac:chgData name="Daly Donnacha HSLU I" userId="0f22e960-400a-43ff-baeb-4828c8f5cd3a" providerId="ADAL" clId="{DD099251-2315-8B42-A99C-B83702B1203C}" dt="2020-10-27T04:05:49.985" v="2729" actId="20577"/>
          <ac:spMkLst>
            <pc:docMk/>
            <pc:sldMk cId="2089926485" sldId="283"/>
            <ac:spMk id="2" creationId="{65172897-2705-C543-ABB6-B539F62DBC53}"/>
          </ac:spMkLst>
        </pc:spChg>
        <pc:spChg chg="add mod">
          <ac:chgData name="Daly Donnacha HSLU I" userId="0f22e960-400a-43ff-baeb-4828c8f5cd3a" providerId="ADAL" clId="{DD099251-2315-8B42-A99C-B83702B1203C}" dt="2020-10-27T03:52:39.988" v="2394" actId="20577"/>
          <ac:spMkLst>
            <pc:docMk/>
            <pc:sldMk cId="2089926485" sldId="283"/>
            <ac:spMk id="4" creationId="{E10609C3-10DE-7748-9D66-D4071B532740}"/>
          </ac:spMkLst>
        </pc:spChg>
        <pc:spChg chg="add mod">
          <ac:chgData name="Daly Donnacha HSLU I" userId="0f22e960-400a-43ff-baeb-4828c8f5cd3a" providerId="ADAL" clId="{DD099251-2315-8B42-A99C-B83702B1203C}" dt="2020-10-27T03:58:51.608" v="2587" actId="20577"/>
          <ac:spMkLst>
            <pc:docMk/>
            <pc:sldMk cId="2089926485" sldId="283"/>
            <ac:spMk id="5" creationId="{C7AD7984-A6DA-0249-B579-FAA8879437E9}"/>
          </ac:spMkLst>
        </pc:spChg>
        <pc:spChg chg="add mod">
          <ac:chgData name="Daly Donnacha HSLU I" userId="0f22e960-400a-43ff-baeb-4828c8f5cd3a" providerId="ADAL" clId="{DD099251-2315-8B42-A99C-B83702B1203C}" dt="2020-10-27T03:59:34.823" v="2609" actId="20577"/>
          <ac:spMkLst>
            <pc:docMk/>
            <pc:sldMk cId="2089926485" sldId="283"/>
            <ac:spMk id="6" creationId="{C98CFF78-46BB-B24C-87F3-CADCC290CA91}"/>
          </ac:spMkLst>
        </pc:spChg>
        <pc:spChg chg="add mod">
          <ac:chgData name="Daly Donnacha HSLU I" userId="0f22e960-400a-43ff-baeb-4828c8f5cd3a" providerId="ADAL" clId="{DD099251-2315-8B42-A99C-B83702B1203C}" dt="2020-10-27T03:55:17.712" v="2506" actId="20577"/>
          <ac:spMkLst>
            <pc:docMk/>
            <pc:sldMk cId="2089926485" sldId="283"/>
            <ac:spMk id="7" creationId="{A445CACC-0785-074A-AD2A-261D8238F206}"/>
          </ac:spMkLst>
        </pc:spChg>
        <pc:spChg chg="add mod">
          <ac:chgData name="Daly Donnacha HSLU I" userId="0f22e960-400a-43ff-baeb-4828c8f5cd3a" providerId="ADAL" clId="{DD099251-2315-8B42-A99C-B83702B1203C}" dt="2020-10-27T04:01:57.544" v="2684" actId="20577"/>
          <ac:spMkLst>
            <pc:docMk/>
            <pc:sldMk cId="2089926485" sldId="283"/>
            <ac:spMk id="8" creationId="{98AF79BF-C733-F74A-A423-A2C92E506A65}"/>
          </ac:spMkLst>
        </pc:spChg>
        <pc:spChg chg="add mod">
          <ac:chgData name="Daly Donnacha HSLU I" userId="0f22e960-400a-43ff-baeb-4828c8f5cd3a" providerId="ADAL" clId="{DD099251-2315-8B42-A99C-B83702B1203C}" dt="2020-10-27T03:57:53.281" v="2532" actId="20577"/>
          <ac:spMkLst>
            <pc:docMk/>
            <pc:sldMk cId="2089926485" sldId="283"/>
            <ac:spMk id="9" creationId="{76C7B5F6-520D-4B4F-810D-494E191F9AAD}"/>
          </ac:spMkLst>
        </pc:spChg>
        <pc:spChg chg="add mod">
          <ac:chgData name="Daly Donnacha HSLU I" userId="0f22e960-400a-43ff-baeb-4828c8f5cd3a" providerId="ADAL" clId="{DD099251-2315-8B42-A99C-B83702B1203C}" dt="2020-10-27T04:02:26.422" v="2686" actId="20577"/>
          <ac:spMkLst>
            <pc:docMk/>
            <pc:sldMk cId="2089926485" sldId="283"/>
            <ac:spMk id="10" creationId="{30F6B779-C3D7-A84A-9E79-F41F5C59EF88}"/>
          </ac:spMkLst>
        </pc:spChg>
        <pc:picChg chg="mod modCrop">
          <ac:chgData name="Daly Donnacha HSLU I" userId="0f22e960-400a-43ff-baeb-4828c8f5cd3a" providerId="ADAL" clId="{DD099251-2315-8B42-A99C-B83702B1203C}" dt="2020-10-27T03:42:22.112" v="2076" actId="732"/>
          <ac:picMkLst>
            <pc:docMk/>
            <pc:sldMk cId="2089926485" sldId="283"/>
            <ac:picMk id="3" creationId="{2DD250F4-B183-7745-9681-EF143B38CCF6}"/>
          </ac:picMkLst>
        </pc:picChg>
      </pc:sldChg>
      <pc:sldChg chg="addSp modSp add mod">
        <pc:chgData name="Daly Donnacha HSLU I" userId="0f22e960-400a-43ff-baeb-4828c8f5cd3a" providerId="ADAL" clId="{DD099251-2315-8B42-A99C-B83702B1203C}" dt="2020-10-27T04:45:52.940" v="3301" actId="14100"/>
        <pc:sldMkLst>
          <pc:docMk/>
          <pc:sldMk cId="1626636472" sldId="284"/>
        </pc:sldMkLst>
        <pc:spChg chg="mod">
          <ac:chgData name="Daly Donnacha HSLU I" userId="0f22e960-400a-43ff-baeb-4828c8f5cd3a" providerId="ADAL" clId="{DD099251-2315-8B42-A99C-B83702B1203C}" dt="2020-10-27T04:20:19.278" v="3276" actId="20577"/>
          <ac:spMkLst>
            <pc:docMk/>
            <pc:sldMk cId="1626636472" sldId="284"/>
            <ac:spMk id="2" creationId="{65172897-2705-C543-ABB6-B539F62DBC53}"/>
          </ac:spMkLst>
        </pc:spChg>
        <pc:spChg chg="add mod">
          <ac:chgData name="Daly Donnacha HSLU I" userId="0f22e960-400a-43ff-baeb-4828c8f5cd3a" providerId="ADAL" clId="{DD099251-2315-8B42-A99C-B83702B1203C}" dt="2020-10-27T04:12:06.069" v="3136" actId="1036"/>
          <ac:spMkLst>
            <pc:docMk/>
            <pc:sldMk cId="1626636472" sldId="284"/>
            <ac:spMk id="4" creationId="{E90C422F-0A35-624E-87F4-4D6D8301F45F}"/>
          </ac:spMkLst>
        </pc:spChg>
        <pc:spChg chg="add mod">
          <ac:chgData name="Daly Donnacha HSLU I" userId="0f22e960-400a-43ff-baeb-4828c8f5cd3a" providerId="ADAL" clId="{DD099251-2315-8B42-A99C-B83702B1203C}" dt="2020-10-27T04:15:06.271" v="3205" actId="20577"/>
          <ac:spMkLst>
            <pc:docMk/>
            <pc:sldMk cId="1626636472" sldId="284"/>
            <ac:spMk id="5" creationId="{386771DA-F0FE-0F45-965A-53D204555F90}"/>
          </ac:spMkLst>
        </pc:spChg>
        <pc:spChg chg="add mod">
          <ac:chgData name="Daly Donnacha HSLU I" userId="0f22e960-400a-43ff-baeb-4828c8f5cd3a" providerId="ADAL" clId="{DD099251-2315-8B42-A99C-B83702B1203C}" dt="2020-10-27T04:45:52.940" v="3301" actId="14100"/>
          <ac:spMkLst>
            <pc:docMk/>
            <pc:sldMk cId="1626636472" sldId="284"/>
            <ac:spMk id="6" creationId="{20380BFE-1000-0245-9417-7BC7316FEF1C}"/>
          </ac:spMkLst>
        </pc:spChg>
        <pc:spChg chg="add mod">
          <ac:chgData name="Daly Donnacha HSLU I" userId="0f22e960-400a-43ff-baeb-4828c8f5cd3a" providerId="ADAL" clId="{DD099251-2315-8B42-A99C-B83702B1203C}" dt="2020-10-27T04:18:08.878" v="3272" actId="20577"/>
          <ac:spMkLst>
            <pc:docMk/>
            <pc:sldMk cId="1626636472" sldId="284"/>
            <ac:spMk id="7" creationId="{9C00BD34-21A6-5540-A664-6F8C659CE634}"/>
          </ac:spMkLst>
        </pc:spChg>
        <pc:spChg chg="add mod">
          <ac:chgData name="Daly Donnacha HSLU I" userId="0f22e960-400a-43ff-baeb-4828c8f5cd3a" providerId="ADAL" clId="{DD099251-2315-8B42-A99C-B83702B1203C}" dt="2020-10-27T04:12:33.597" v="3138" actId="1035"/>
          <ac:spMkLst>
            <pc:docMk/>
            <pc:sldMk cId="1626636472" sldId="284"/>
            <ac:spMk id="8" creationId="{83559372-CCBC-A24E-B584-2182D7A52FCA}"/>
          </ac:spMkLst>
        </pc:spChg>
        <pc:spChg chg="add mod">
          <ac:chgData name="Daly Donnacha HSLU I" userId="0f22e960-400a-43ff-baeb-4828c8f5cd3a" providerId="ADAL" clId="{DD099251-2315-8B42-A99C-B83702B1203C}" dt="2020-10-27T04:12:33.597" v="3138" actId="1035"/>
          <ac:spMkLst>
            <pc:docMk/>
            <pc:sldMk cId="1626636472" sldId="284"/>
            <ac:spMk id="9" creationId="{3F43C0AB-FED8-2C46-83BA-2AFA5196AF2F}"/>
          </ac:spMkLst>
        </pc:spChg>
        <pc:picChg chg="mod modCrop">
          <ac:chgData name="Daly Donnacha HSLU I" userId="0f22e960-400a-43ff-baeb-4828c8f5cd3a" providerId="ADAL" clId="{DD099251-2315-8B42-A99C-B83702B1203C}" dt="2020-10-27T04:05:15.004" v="2688" actId="732"/>
          <ac:picMkLst>
            <pc:docMk/>
            <pc:sldMk cId="1626636472" sldId="284"/>
            <ac:picMk id="3" creationId="{2DD250F4-B183-7745-9681-EF143B38CCF6}"/>
          </ac:picMkLst>
        </pc:picChg>
      </pc:sldChg>
      <pc:sldChg chg="del">
        <pc:chgData name="Daly Donnacha HSLU I" userId="0f22e960-400a-43ff-baeb-4828c8f5cd3a" providerId="ADAL" clId="{DD099251-2315-8B42-A99C-B83702B1203C}" dt="2020-10-26T13:07:46.392" v="169" actId="2696"/>
        <pc:sldMkLst>
          <pc:docMk/>
          <pc:sldMk cId="1948903573" sldId="364"/>
        </pc:sldMkLst>
      </pc:sldChg>
      <pc:sldChg chg="del">
        <pc:chgData name="Daly Donnacha HSLU I" userId="0f22e960-400a-43ff-baeb-4828c8f5cd3a" providerId="ADAL" clId="{DD099251-2315-8B42-A99C-B83702B1203C}" dt="2020-10-26T13:07:49.328" v="170" actId="2696"/>
        <pc:sldMkLst>
          <pc:docMk/>
          <pc:sldMk cId="1736669597" sldId="365"/>
        </pc:sldMkLst>
      </pc:sldChg>
      <pc:sldMasterChg chg="modSp modSldLayout">
        <pc:chgData name="Daly Donnacha HSLU I" userId="0f22e960-400a-43ff-baeb-4828c8f5cd3a" providerId="ADAL" clId="{DD099251-2315-8B42-A99C-B83702B1203C}" dt="2020-10-27T05:10:18.699" v="3306" actId="255"/>
        <pc:sldMasterMkLst>
          <pc:docMk/>
          <pc:sldMasterMk cId="0" sldId="2147483648"/>
        </pc:sldMasterMkLst>
        <pc:spChg chg="mod">
          <ac:chgData name="Daly Donnacha HSLU I" userId="0f22e960-400a-43ff-baeb-4828c8f5cd3a" providerId="ADAL" clId="{DD099251-2315-8B42-A99C-B83702B1203C}" dt="2020-10-27T05:10:18.699" v="3306" actId="255"/>
          <ac:spMkLst>
            <pc:docMk/>
            <pc:sldMasterMk cId="0" sldId="2147483648"/>
            <ac:spMk id="1027" creationId="{00000000-0000-0000-0000-000000000000}"/>
          </ac:spMkLst>
        </pc:spChg>
        <pc:sldLayoutChg chg="addSp delSp modSp mod">
          <pc:chgData name="Daly Donnacha HSLU I" userId="0f22e960-400a-43ff-baeb-4828c8f5cd3a" providerId="ADAL" clId="{DD099251-2315-8B42-A99C-B83702B1203C}" dt="2020-10-27T05:09:48.180" v="3305"/>
          <pc:sldLayoutMkLst>
            <pc:docMk/>
            <pc:sldMasterMk cId="0" sldId="2147483648"/>
            <pc:sldLayoutMk cId="3091687578" sldId="2147483721"/>
          </pc:sldLayoutMkLst>
          <pc:spChg chg="add del mod">
            <ac:chgData name="Daly Donnacha HSLU I" userId="0f22e960-400a-43ff-baeb-4828c8f5cd3a" providerId="ADAL" clId="{DD099251-2315-8B42-A99C-B83702B1203C}" dt="2020-10-27T05:09:48.180" v="3305"/>
            <ac:spMkLst>
              <pc:docMk/>
              <pc:sldMasterMk cId="0" sldId="2147483648"/>
              <pc:sldLayoutMk cId="3091687578" sldId="2147483721"/>
              <ac:spMk id="3" creationId="{1F17949B-19B7-A34D-BBC7-2DF23C9FC128}"/>
            </ac:spMkLst>
          </pc:spChg>
        </pc:sldLayoutChg>
        <pc:sldLayoutChg chg="modSp">
          <pc:chgData name="Daly Donnacha HSLU I" userId="0f22e960-400a-43ff-baeb-4828c8f5cd3a" providerId="ADAL" clId="{DD099251-2315-8B42-A99C-B83702B1203C}" dt="2020-10-27T05:07:24.688" v="3302" actId="255"/>
          <pc:sldLayoutMkLst>
            <pc:docMk/>
            <pc:sldMasterMk cId="0" sldId="2147483648"/>
            <pc:sldLayoutMk cId="3920175854" sldId="2147483731"/>
          </pc:sldLayoutMkLst>
          <pc:spChg chg="mod">
            <ac:chgData name="Daly Donnacha HSLU I" userId="0f22e960-400a-43ff-baeb-4828c8f5cd3a" providerId="ADAL" clId="{DD099251-2315-8B42-A99C-B83702B1203C}" dt="2020-10-27T05:07:24.688" v="3302" actId="255"/>
            <ac:spMkLst>
              <pc:docMk/>
              <pc:sldMasterMk cId="0" sldId="2147483648"/>
              <pc:sldLayoutMk cId="3920175854" sldId="2147483731"/>
              <ac:spMk id="3074" creationId="{00000000-0000-0000-0000-000000000000}"/>
            </ac:spMkLst>
          </pc:spChg>
        </pc:sldLayoutChg>
        <pc:sldLayoutChg chg="addSp delSp modSp mod">
          <pc:chgData name="Daly Donnacha HSLU I" userId="0f22e960-400a-43ff-baeb-4828c8f5cd3a" providerId="ADAL" clId="{DD099251-2315-8B42-A99C-B83702B1203C}" dt="2020-10-27T03:02:42.230" v="1474" actId="20577"/>
          <pc:sldLayoutMkLst>
            <pc:docMk/>
            <pc:sldMasterMk cId="0" sldId="2147483648"/>
            <pc:sldLayoutMk cId="2069179615" sldId="2147483732"/>
          </pc:sldLayoutMkLst>
          <pc:spChg chg="mod topLvl">
            <ac:chgData name="Daly Donnacha HSLU I" userId="0f22e960-400a-43ff-baeb-4828c8f5cd3a" providerId="ADAL" clId="{DD099251-2315-8B42-A99C-B83702B1203C}" dt="2020-10-26T13:28:41.142" v="654" actId="165"/>
            <ac:spMkLst>
              <pc:docMk/>
              <pc:sldMasterMk cId="0" sldId="2147483648"/>
              <pc:sldLayoutMk cId="2069179615" sldId="2147483732"/>
              <ac:spMk id="5" creationId="{098F5E5F-8199-3946-9A4A-D41590936E9E}"/>
            </ac:spMkLst>
          </pc:spChg>
          <pc:spChg chg="mod">
            <ac:chgData name="Daly Donnacha HSLU I" userId="0f22e960-400a-43ff-baeb-4828c8f5cd3a" providerId="ADAL" clId="{DD099251-2315-8B42-A99C-B83702B1203C}" dt="2020-10-26T13:08:43.297" v="172" actId="20577"/>
            <ac:spMkLst>
              <pc:docMk/>
              <pc:sldMasterMk cId="0" sldId="2147483648"/>
              <pc:sldLayoutMk cId="2069179615" sldId="2147483732"/>
              <ac:spMk id="9" creationId="{999BD537-E9A2-874C-B02D-0B116E24D013}"/>
            </ac:spMkLst>
          </pc:spChg>
          <pc:spChg chg="add del mod">
            <ac:chgData name="Daly Donnacha HSLU I" userId="0f22e960-400a-43ff-baeb-4828c8f5cd3a" providerId="ADAL" clId="{DD099251-2315-8B42-A99C-B83702B1203C}" dt="2020-10-26T13:11:47.896" v="208" actId="478"/>
            <ac:spMkLst>
              <pc:docMk/>
              <pc:sldMasterMk cId="0" sldId="2147483648"/>
              <pc:sldLayoutMk cId="2069179615" sldId="2147483732"/>
              <ac:spMk id="12" creationId="{7FED9B68-3ACE-2341-9D1F-D32D1289BFAB}"/>
            </ac:spMkLst>
          </pc:spChg>
          <pc:spChg chg="mod topLvl">
            <ac:chgData name="Daly Donnacha HSLU I" userId="0f22e960-400a-43ff-baeb-4828c8f5cd3a" providerId="ADAL" clId="{DD099251-2315-8B42-A99C-B83702B1203C}" dt="2020-10-27T03:02:42.230" v="1474" actId="20577"/>
            <ac:spMkLst>
              <pc:docMk/>
              <pc:sldMasterMk cId="0" sldId="2147483648"/>
              <pc:sldLayoutMk cId="2069179615" sldId="2147483732"/>
              <ac:spMk id="17" creationId="{4EE533AD-CD6E-AF4C-A186-F9A910E6CE14}"/>
            </ac:spMkLst>
          </pc:spChg>
          <pc:spChg chg="mod topLvl">
            <ac:chgData name="Daly Donnacha HSLU I" userId="0f22e960-400a-43ff-baeb-4828c8f5cd3a" providerId="ADAL" clId="{DD099251-2315-8B42-A99C-B83702B1203C}" dt="2020-10-26T13:28:25.553" v="653" actId="20577"/>
            <ac:spMkLst>
              <pc:docMk/>
              <pc:sldMasterMk cId="0" sldId="2147483648"/>
              <pc:sldLayoutMk cId="2069179615" sldId="2147483732"/>
              <ac:spMk id="21" creationId="{50304733-A497-6840-A669-505A41D5CF73}"/>
            </ac:spMkLst>
          </pc:spChg>
          <pc:grpChg chg="add del mod">
            <ac:chgData name="Daly Donnacha HSLU I" userId="0f22e960-400a-43ff-baeb-4828c8f5cd3a" providerId="ADAL" clId="{DD099251-2315-8B42-A99C-B83702B1203C}" dt="2020-10-26T13:28:41.142" v="654" actId="165"/>
            <ac:grpSpMkLst>
              <pc:docMk/>
              <pc:sldMasterMk cId="0" sldId="2147483648"/>
              <pc:sldLayoutMk cId="2069179615" sldId="2147483732"/>
              <ac:grpSpMk id="13" creationId="{4BBBADAE-CC1E-1C4F-B5A9-BD819EBE95BD}"/>
            </ac:grpSpMkLst>
          </pc:grpChg>
          <pc:grpChg chg="add del mod">
            <ac:chgData name="Daly Donnacha HSLU I" userId="0f22e960-400a-43ff-baeb-4828c8f5cd3a" providerId="ADAL" clId="{DD099251-2315-8B42-A99C-B83702B1203C}" dt="2020-10-26T13:13:21" v="217" actId="165"/>
            <ac:grpSpMkLst>
              <pc:docMk/>
              <pc:sldMasterMk cId="0" sldId="2147483648"/>
              <pc:sldLayoutMk cId="2069179615" sldId="2147483732"/>
              <ac:grpSpMk id="14" creationId="{F8E792F3-3C5E-E44B-87C7-94CC382171D3}"/>
            </ac:grpSpMkLst>
          </pc:grpChg>
          <pc:grpChg chg="add del mod">
            <ac:chgData name="Daly Donnacha HSLU I" userId="0f22e960-400a-43ff-baeb-4828c8f5cd3a" providerId="ADAL" clId="{DD099251-2315-8B42-A99C-B83702B1203C}" dt="2020-10-26T13:15:10.621" v="232" actId="165"/>
            <ac:grpSpMkLst>
              <pc:docMk/>
              <pc:sldMasterMk cId="0" sldId="2147483648"/>
              <pc:sldLayoutMk cId="2069179615" sldId="2147483732"/>
              <ac:grpSpMk id="18" creationId="{551F27F6-8146-574C-80B1-B71E584FDD6C}"/>
            </ac:grpSpMkLst>
          </pc:grpChg>
          <pc:picChg chg="mod topLvl">
            <ac:chgData name="Daly Donnacha HSLU I" userId="0f22e960-400a-43ff-baeb-4828c8f5cd3a" providerId="ADAL" clId="{DD099251-2315-8B42-A99C-B83702B1203C}" dt="2020-10-26T13:28:41.142" v="654" actId="165"/>
            <ac:picMkLst>
              <pc:docMk/>
              <pc:sldMasterMk cId="0" sldId="2147483648"/>
              <pc:sldLayoutMk cId="2069179615" sldId="2147483732"/>
              <ac:picMk id="3" creationId="{2964DA37-6B6D-1449-979C-C18098467EC8}"/>
            </ac:picMkLst>
          </pc:picChg>
          <pc:picChg chg="add del mod">
            <ac:chgData name="Daly Donnacha HSLU I" userId="0f22e960-400a-43ff-baeb-4828c8f5cd3a" providerId="ADAL" clId="{DD099251-2315-8B42-A99C-B83702B1203C}" dt="2020-10-26T13:11:47.896" v="208" actId="478"/>
            <ac:picMkLst>
              <pc:docMk/>
              <pc:sldMasterMk cId="0" sldId="2147483648"/>
              <pc:sldLayoutMk cId="2069179615" sldId="2147483732"/>
              <ac:picMk id="10" creationId="{A2017DB2-B696-9C4B-A23E-C759C1DCD8ED}"/>
            </ac:picMkLst>
          </pc:picChg>
          <pc:picChg chg="del mod topLvl">
            <ac:chgData name="Daly Donnacha HSLU I" userId="0f22e960-400a-43ff-baeb-4828c8f5cd3a" providerId="ADAL" clId="{DD099251-2315-8B42-A99C-B83702B1203C}" dt="2020-10-26T13:13:23.822" v="218" actId="478"/>
            <ac:picMkLst>
              <pc:docMk/>
              <pc:sldMasterMk cId="0" sldId="2147483648"/>
              <pc:sldLayoutMk cId="2069179615" sldId="2147483732"/>
              <ac:picMk id="15" creationId="{C0449522-1BA4-4B43-AABF-0ADB25B818D9}"/>
            </ac:picMkLst>
          </pc:picChg>
          <pc:picChg chg="del mod topLvl">
            <ac:chgData name="Daly Donnacha HSLU I" userId="0f22e960-400a-43ff-baeb-4828c8f5cd3a" providerId="ADAL" clId="{DD099251-2315-8B42-A99C-B83702B1203C}" dt="2020-10-26T13:19:18.594" v="326" actId="478"/>
            <ac:picMkLst>
              <pc:docMk/>
              <pc:sldMasterMk cId="0" sldId="2147483648"/>
              <pc:sldLayoutMk cId="2069179615" sldId="2147483732"/>
              <ac:picMk id="19" creationId="{58A02A4B-B8B2-5A4F-A14F-5A14C09B0D8E}"/>
            </ac:picMkLst>
          </pc:picChg>
          <pc:picChg chg="add mod">
            <ac:chgData name="Daly Donnacha HSLU I" userId="0f22e960-400a-43ff-baeb-4828c8f5cd3a" providerId="ADAL" clId="{DD099251-2315-8B42-A99C-B83702B1203C}" dt="2020-10-26T13:13:32.508" v="221" actId="167"/>
            <ac:picMkLst>
              <pc:docMk/>
              <pc:sldMasterMk cId="0" sldId="2147483648"/>
              <pc:sldLayoutMk cId="2069179615" sldId="2147483732"/>
              <ac:picMk id="22" creationId="{79F1076B-D6B0-A143-9646-677B75F88EB7}"/>
            </ac:picMkLst>
          </pc:picChg>
          <pc:picChg chg="add mod">
            <ac:chgData name="Daly Donnacha HSLU I" userId="0f22e960-400a-43ff-baeb-4828c8f5cd3a" providerId="ADAL" clId="{DD099251-2315-8B42-A99C-B83702B1203C}" dt="2020-10-26T13:19:40.465" v="334" actId="167"/>
            <ac:picMkLst>
              <pc:docMk/>
              <pc:sldMasterMk cId="0" sldId="2147483648"/>
              <pc:sldLayoutMk cId="2069179615" sldId="2147483732"/>
              <ac:picMk id="1026" creationId="{B07D7153-0B1D-E94F-B1EB-B55CD7E87283}"/>
            </ac:picMkLst>
          </pc:picChg>
          <pc:cxnChg chg="mod topLvl">
            <ac:chgData name="Daly Donnacha HSLU I" userId="0f22e960-400a-43ff-baeb-4828c8f5cd3a" providerId="ADAL" clId="{DD099251-2315-8B42-A99C-B83702B1203C}" dt="2020-10-26T13:28:49.740" v="656" actId="1037"/>
            <ac:cxnSpMkLst>
              <pc:docMk/>
              <pc:sldMasterMk cId="0" sldId="2147483648"/>
              <pc:sldLayoutMk cId="2069179615" sldId="2147483732"/>
              <ac:cxnSpMk id="4" creationId="{08DB400D-1098-1D4C-AB36-3167BC987192}"/>
            </ac:cxnSpMkLst>
          </pc:cxnChg>
          <pc:cxnChg chg="add del mod">
            <ac:chgData name="Daly Donnacha HSLU I" userId="0f22e960-400a-43ff-baeb-4828c8f5cd3a" providerId="ADAL" clId="{DD099251-2315-8B42-A99C-B83702B1203C}" dt="2020-10-26T13:11:47.896" v="208" actId="478"/>
            <ac:cxnSpMkLst>
              <pc:docMk/>
              <pc:sldMasterMk cId="0" sldId="2147483648"/>
              <pc:sldLayoutMk cId="2069179615" sldId="2147483732"/>
              <ac:cxnSpMk id="11" creationId="{097AD506-7826-8046-8CEF-6650B94AA89F}"/>
            </ac:cxnSpMkLst>
          </pc:cxnChg>
          <pc:cxnChg chg="mod topLvl">
            <ac:chgData name="Daly Donnacha HSLU I" userId="0f22e960-400a-43ff-baeb-4828c8f5cd3a" providerId="ADAL" clId="{DD099251-2315-8B42-A99C-B83702B1203C}" dt="2020-10-26T13:28:49.740" v="656" actId="1037"/>
            <ac:cxnSpMkLst>
              <pc:docMk/>
              <pc:sldMasterMk cId="0" sldId="2147483648"/>
              <pc:sldLayoutMk cId="2069179615" sldId="2147483732"/>
              <ac:cxnSpMk id="16" creationId="{9313299D-A645-B148-BF96-F286B72CB95C}"/>
            </ac:cxnSpMkLst>
          </pc:cxnChg>
          <pc:cxnChg chg="mod topLvl">
            <ac:chgData name="Daly Donnacha HSLU I" userId="0f22e960-400a-43ff-baeb-4828c8f5cd3a" providerId="ADAL" clId="{DD099251-2315-8B42-A99C-B83702B1203C}" dt="2020-10-26T13:28:49.740" v="656" actId="1037"/>
            <ac:cxnSpMkLst>
              <pc:docMk/>
              <pc:sldMasterMk cId="0" sldId="2147483648"/>
              <pc:sldLayoutMk cId="2069179615" sldId="2147483732"/>
              <ac:cxnSpMk id="20" creationId="{2A659BFD-57CC-F14A-ABFE-69883860400B}"/>
            </ac:cxnSpMkLst>
          </pc:cxnChg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6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7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9DAC2B49-0575-43F5-916A-106F863B63C9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482292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1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Click </a:t>
            </a:r>
            <a:r>
              <a:rPr lang="de-CH" noProof="0" dirty="0" err="1"/>
              <a:t>to</a:t>
            </a:r>
            <a:r>
              <a:rPr lang="de-CH" noProof="0" dirty="0"/>
              <a:t> </a:t>
            </a:r>
            <a:r>
              <a:rPr lang="de-CH" noProof="0" dirty="0" err="1"/>
              <a:t>edit</a:t>
            </a:r>
            <a:r>
              <a:rPr lang="de-CH" noProof="0" dirty="0"/>
              <a:t> Master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styles</a:t>
            </a:r>
            <a:endParaRPr lang="de-CH" noProof="0" dirty="0"/>
          </a:p>
          <a:p>
            <a:pPr lvl="1"/>
            <a:r>
              <a:rPr lang="de-CH" noProof="0" dirty="0"/>
              <a:t>Secon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2"/>
            <a:r>
              <a:rPr lang="de-CH" noProof="0" dirty="0"/>
              <a:t>Thir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3"/>
            <a:r>
              <a:rPr lang="de-CH" noProof="0" dirty="0" err="1"/>
              <a:t>Four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4"/>
            <a:r>
              <a:rPr lang="de-CH" noProof="0" dirty="0" err="1"/>
              <a:t>Fif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77A904FA-23EF-4C48-9391-8F4827E157F6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19549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3429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6858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0287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371600" algn="l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17145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1891349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4139486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4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hyperlink" Target="mailto:donnacha.daly@hslu.ch" TargetMode="External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6.xml"/><Relationship Id="rId6" Type="http://schemas.openxmlformats.org/officeDocument/2006/relationships/image" Target="../media/image2.png"/><Relationship Id="rId5" Type="http://schemas.openxmlformats.org/officeDocument/2006/relationships/hyperlink" Target="http://www.abiz.ch/" TargetMode="External"/><Relationship Id="rId4" Type="http://schemas.openxmlformats.org/officeDocument/2006/relationships/hyperlink" Target="hslu.ch/bachelor-ai" TargetMode="Externa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7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ctrTitle"/>
            <p:custDataLst>
              <p:tags r:id="rId1"/>
            </p:custDataLst>
          </p:nvPr>
        </p:nvSpPr>
        <p:spPr>
          <a:xfrm>
            <a:off x="626800" y="1545431"/>
            <a:ext cx="6393472" cy="972741"/>
          </a:xfrm>
        </p:spPr>
        <p:txBody>
          <a:bodyPr anchor="t"/>
          <a:lstStyle>
            <a:lvl1pPr>
              <a:lnSpc>
                <a:spcPts val="2100"/>
              </a:lnSpc>
              <a:defRPr sz="2000"/>
            </a:lvl1pPr>
          </a:lstStyle>
          <a:p>
            <a:pPr lvl="0"/>
            <a:r>
              <a:rPr lang="en-GB" noProof="0" dirty="0"/>
              <a:t>Click to edit Master title style</a:t>
            </a:r>
            <a:endParaRPr lang="de-CH" noProof="0" dirty="0"/>
          </a:p>
        </p:txBody>
      </p:sp>
      <p:sp>
        <p:nvSpPr>
          <p:cNvPr id="2" name="DN:Profile|ID:11" title="Section.DE"/>
          <p:cNvSpPr txBox="1"/>
          <p:nvPr userDrawn="1"/>
        </p:nvSpPr>
        <p:spPr>
          <a:xfrm>
            <a:off x="626800" y="2754342"/>
            <a:ext cx="5538887" cy="253916"/>
          </a:xfrm>
          <a:prstGeom prst="rect">
            <a:avLst/>
          </a:prstGeom>
          <a:noFill/>
        </p:spPr>
        <p:txBody>
          <a:bodyPr vert="horz" wrap="square" rtlCol="0" anchor="b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3" name="DN:Profile|ID:1" title="Name"/>
          <p:cNvSpPr txBox="1"/>
          <p:nvPr userDrawn="1"/>
        </p:nvSpPr>
        <p:spPr>
          <a:xfrm>
            <a:off x="626800" y="2931940"/>
            <a:ext cx="5538887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b="1" dirty="0"/>
              <a:t> </a:t>
            </a:r>
          </a:p>
        </p:txBody>
      </p:sp>
      <p:sp>
        <p:nvSpPr>
          <p:cNvPr id="4" name="DN:Profile|ID:8" title="Function.DE"/>
          <p:cNvSpPr txBox="1"/>
          <p:nvPr userDrawn="1"/>
        </p:nvSpPr>
        <p:spPr>
          <a:xfrm>
            <a:off x="626800" y="3086454"/>
            <a:ext cx="5572125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  <p:sp>
        <p:nvSpPr>
          <p:cNvPr id="14" name="DN:Profile|ID:4" title="Direct Phone"/>
          <p:cNvSpPr txBox="1"/>
          <p:nvPr userDrawn="1"/>
        </p:nvSpPr>
        <p:spPr>
          <a:xfrm>
            <a:off x="1450975" y="3374232"/>
            <a:ext cx="2832993" cy="25391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050" dirty="0" err="1"/>
              <a:t> </a:t>
            </a:r>
            <a:endParaRPr lang="de-CH" sz="1050" dirty="0"/>
          </a:p>
        </p:txBody>
      </p:sp>
    </p:spTree>
    <p:extLst>
      <p:ext uri="{BB962C8B-B14F-4D97-AF65-F5344CB8AC3E}">
        <p14:creationId xmlns:p14="http://schemas.microsoft.com/office/powerpoint/2010/main" val="392017585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anchor="b"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0ECA3932-4E58-4C53-B912-C89B27658E2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624057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lang="en-US" sz="600">
                <a:solidFill>
                  <a:schemeClr val="tx1"/>
                </a:solidFill>
              </a:defRPr>
            </a:lvl1pPr>
          </a:lstStyle>
          <a:p>
            <a:r>
              <a:rPr lang="de-CH" dirty="0"/>
              <a:t>Page </a:t>
            </a:r>
            <a:fld id="{F6D6BDF2-272F-4256-ACF1-DEAEC48BAB75}" type="slidenum">
              <a:rPr lang="de-CH" smtClean="0"/>
              <a:pPr/>
              <a:t>‹#›</a:t>
            </a:fld>
            <a:endParaRPr lang="de-CH" dirty="0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DECA5AC2-9B83-4D3F-A96B-48D23010F5D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89134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AI/ML</a:t>
            </a:r>
          </a:p>
        </p:txBody>
      </p:sp>
    </p:spTree>
    <p:extLst>
      <p:ext uri="{BB962C8B-B14F-4D97-AF65-F5344CB8AC3E}">
        <p14:creationId xmlns:p14="http://schemas.microsoft.com/office/powerpoint/2010/main" val="28422558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80">
          <p15:clr>
            <a:srgbClr val="FBAE40"/>
          </p15:clr>
        </p15:guide>
        <p15:guide id="2" orient="horz" pos="1733">
          <p15:clr>
            <a:srgbClr val="FBAE40"/>
          </p15:clr>
        </p15:guide>
        <p15:guide id="3" orient="horz" pos="599">
          <p15:clr>
            <a:srgbClr val="FBAE40"/>
          </p15:clr>
        </p15:guide>
        <p15:guide id="4" orient="horz" pos="2867">
          <p15:clr>
            <a:srgbClr val="FBAE40"/>
          </p15:clr>
        </p15:guide>
        <p15:guide id="5" pos="226">
          <p15:clr>
            <a:srgbClr val="FBAE40"/>
          </p15:clr>
        </p15:guide>
        <p15:guide id="6" pos="5534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slide neutr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3DBD525-8EB4-4EDB-93B2-A7F92EDA8A5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76784" y="1162432"/>
            <a:ext cx="3816210" cy="707480"/>
          </a:xfrm>
        </p:spPr>
        <p:txBody>
          <a:bodyPr anchor="b"/>
          <a:lstStyle>
            <a:lvl1pPr algn="l">
              <a:lnSpc>
                <a:spcPct val="100000"/>
              </a:lnSpc>
              <a:defRPr sz="2250"/>
            </a:lvl1pPr>
          </a:lstStyle>
          <a:p>
            <a:r>
              <a:rPr lang="de-CH" noProof="0"/>
              <a:t>Thank you!
</a:t>
            </a:r>
            <a:endParaRPr lang="de-CH" noProof="0" dirty="0"/>
          </a:p>
        </p:txBody>
      </p:sp>
      <p:pic>
        <p:nvPicPr>
          <p:cNvPr id="11" name="Bild" descr="Bild">
            <a:extLst>
              <a:ext uri="{FF2B5EF4-FFF2-40B4-BE49-F238E27FC236}">
                <a16:creationId xmlns:a16="http://schemas.microsoft.com/office/drawing/2014/main" id="{1170F23D-36BD-4313-B16F-31E325E7BF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6238" y="4757959"/>
            <a:ext cx="689590" cy="64073"/>
          </a:xfrm>
          <a:prstGeom prst="rect">
            <a:avLst/>
          </a:prstGeom>
          <a:ln w="12700">
            <a:miter lim="400000"/>
          </a:ln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2FCA122B-2215-BE89-FD20-82D793D5067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4478" y="308555"/>
            <a:ext cx="1522525" cy="2446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55933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" descr="Bild">
            <a:extLst>
              <a:ext uri="{FF2B5EF4-FFF2-40B4-BE49-F238E27FC236}">
                <a16:creationId xmlns:a16="http://schemas.microsoft.com/office/drawing/2014/main" id="{1170F23D-36BD-4313-B16F-31E325E7BF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6238" y="4757959"/>
            <a:ext cx="689590" cy="64073"/>
          </a:xfrm>
          <a:prstGeom prst="rect">
            <a:avLst/>
          </a:prstGeom>
          <a:ln w="12700">
            <a:miter lim="400000"/>
          </a:ln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CD074F58-920C-0EFD-B698-EB8E935411A1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4478" y="308555"/>
            <a:ext cx="1522525" cy="2446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905801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Fina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61593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76238" y="2232279"/>
            <a:ext cx="1920240" cy="707480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1125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noProof="0"/>
              <a:t>Subtitles over one or more lines
</a:t>
            </a:r>
            <a:endParaRPr lang="de-CH" noProof="0" dirty="0"/>
          </a:p>
        </p:txBody>
      </p:sp>
      <p:sp>
        <p:nvSpPr>
          <p:cNvPr id="21" name="Footer Placeholder 4">
            <a:extLst>
              <a:ext uri="{FF2B5EF4-FFF2-40B4-BE49-F238E27FC236}">
                <a16:creationId xmlns:a16="http://schemas.microsoft.com/office/drawing/2014/main" id="{CF8B39FE-F082-41ED-AC68-B14657D0BE2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624057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lang="en-US" sz="600">
                <a:noFill/>
              </a:defRPr>
            </a:lvl1pPr>
          </a:lstStyle>
          <a:p>
            <a:r>
              <a:rPr lang="de-DE"/>
              <a:t>Page ‹Nr.›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0B18995A-21ED-4742-86FC-8BB97CB2935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76784" y="1162431"/>
            <a:ext cx="3816210" cy="706374"/>
          </a:xfrm>
        </p:spPr>
        <p:txBody>
          <a:bodyPr anchor="b"/>
          <a:lstStyle>
            <a:lvl1pPr algn="l">
              <a:lnSpc>
                <a:spcPct val="100000"/>
              </a:lnSpc>
              <a:defRPr sz="2250"/>
            </a:lvl1pPr>
          </a:lstStyle>
          <a:p>
            <a:r>
              <a:rPr lang="en-US" noProof="0" dirty="0"/>
              <a:t>Titles about a</a:t>
            </a:r>
            <a:br>
              <a:rPr lang="en-US" noProof="0" dirty="0"/>
            </a:br>
            <a:r>
              <a:rPr lang="en-US" noProof="0" dirty="0"/>
              <a:t>or multiple lines</a:t>
            </a:r>
            <a:endParaRPr lang="de-CH" noProof="0" dirty="0"/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E81FFE08-5E5A-B2E5-C13B-14FB3460C52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4478" y="308555"/>
            <a:ext cx="1522525" cy="244606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A41B8AB7-4C4C-FD5F-1533-13926F703D74}"/>
              </a:ext>
            </a:extLst>
          </p:cNvPr>
          <p:cNvSpPr txBox="1"/>
          <p:nvPr userDrawn="1"/>
        </p:nvSpPr>
        <p:spPr>
          <a:xfrm>
            <a:off x="269282" y="4693603"/>
            <a:ext cx="1771639" cy="19620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/>
              <a:t>School of Computer Science &amp; IT</a:t>
            </a:r>
          </a:p>
        </p:txBody>
      </p:sp>
    </p:spTree>
    <p:extLst>
      <p:ext uri="{BB962C8B-B14F-4D97-AF65-F5344CB8AC3E}">
        <p14:creationId xmlns:p14="http://schemas.microsoft.com/office/powerpoint/2010/main" val="314118273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anchor="b"/>
          <a:lstStyle/>
          <a:p>
            <a:r>
              <a:rPr lang="de-CH" noProof="0" dirty="0"/>
              <a:t>Insert title</a:t>
            </a:r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0ECA3932-4E58-4C53-B912-C89B27658E2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624057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lang="en-US" sz="600">
                <a:solidFill>
                  <a:schemeClr val="tx1"/>
                </a:solidFill>
              </a:defRPr>
            </a:lvl1pPr>
          </a:lstStyle>
          <a:p>
            <a:fld id="{F6D6BDF2-272F-4256-ACF1-DEAEC48BAB75}" type="slidenum">
              <a:rPr lang="de-CH" smtClean="0"/>
              <a:pPr/>
              <a:t>‹#›</a:t>
            </a:fld>
            <a:endParaRPr lang="de-CH" dirty="0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DECA5AC2-9B83-4D3F-A96B-48D23010F5D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89134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Bachelor AI/ML</a:t>
            </a:r>
          </a:p>
        </p:txBody>
      </p:sp>
    </p:spTree>
    <p:extLst>
      <p:ext uri="{BB962C8B-B14F-4D97-AF65-F5344CB8AC3E}">
        <p14:creationId xmlns:p14="http://schemas.microsoft.com/office/powerpoint/2010/main" val="2506705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slide neutr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3DBD525-8EB4-4EDB-93B2-A7F92EDA8A5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76784" y="1162432"/>
            <a:ext cx="3816210" cy="707480"/>
          </a:xfrm>
        </p:spPr>
        <p:txBody>
          <a:bodyPr anchor="b"/>
          <a:lstStyle>
            <a:lvl1pPr algn="l">
              <a:lnSpc>
                <a:spcPct val="100000"/>
              </a:lnSpc>
              <a:defRPr sz="2250"/>
            </a:lvl1pPr>
          </a:lstStyle>
          <a:p>
            <a:r>
              <a:rPr lang="de-CH" noProof="0"/>
              <a:t>Thank you!
</a:t>
            </a:r>
            <a:endParaRPr lang="de-CH" noProof="0" dirty="0"/>
          </a:p>
        </p:txBody>
      </p:sp>
      <p:pic>
        <p:nvPicPr>
          <p:cNvPr id="11" name="Bild" descr="Bild">
            <a:extLst>
              <a:ext uri="{FF2B5EF4-FFF2-40B4-BE49-F238E27FC236}">
                <a16:creationId xmlns:a16="http://schemas.microsoft.com/office/drawing/2014/main" id="{1170F23D-36BD-4313-B16F-31E325E7BF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6238" y="4757959"/>
            <a:ext cx="689590" cy="64073"/>
          </a:xfrm>
          <a:prstGeom prst="rect">
            <a:avLst/>
          </a:prstGeom>
          <a:ln w="12700">
            <a:miter lim="400000"/>
          </a:ln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2FCA122B-2215-BE89-FD20-82D793D5067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4478" y="308555"/>
            <a:ext cx="1522525" cy="2446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57823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" descr="Bild">
            <a:extLst>
              <a:ext uri="{FF2B5EF4-FFF2-40B4-BE49-F238E27FC236}">
                <a16:creationId xmlns:a16="http://schemas.microsoft.com/office/drawing/2014/main" id="{1170F23D-36BD-4313-B16F-31E325E7BF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6238" y="4757959"/>
            <a:ext cx="689590" cy="64073"/>
          </a:xfrm>
          <a:prstGeom prst="rect">
            <a:avLst/>
          </a:prstGeom>
          <a:ln w="12700">
            <a:miter lim="400000"/>
          </a:ln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CD074F58-920C-0EFD-B698-EB8E935411A1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4478" y="308555"/>
            <a:ext cx="1522525" cy="2446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56761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Fina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1794371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with Im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16">
            <a:extLst>
              <a:ext uri="{FF2B5EF4-FFF2-40B4-BE49-F238E27FC236}">
                <a16:creationId xmlns:a16="http://schemas.microsoft.com/office/drawing/2014/main" id="{9B9F577F-F0A9-4853-B77C-37B3AAE0FDCA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553944" y="0"/>
            <a:ext cx="4590056" cy="451289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en-GB" noProof="0"/>
              <a:t>Click icon to add picture</a:t>
            </a:r>
            <a:endParaRPr lang="de-CH" noProof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76238" y="1369219"/>
            <a:ext cx="3813048" cy="326350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r>
              <a:rPr lang="de-CH"/>
              <a:t>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nonumy</a:t>
            </a:r>
            <a:r>
              <a:rPr lang="de-CH"/>
              <a:t> </a:t>
            </a:r>
            <a:r>
              <a:rPr lang="de-CH" err="1"/>
              <a:t>eirmod</a:t>
            </a:r>
            <a:r>
              <a:rPr lang="de-CH"/>
              <a:t> </a:t>
            </a:r>
            <a:r>
              <a:rPr lang="de-CH" err="1"/>
              <a:t>tempor</a:t>
            </a:r>
            <a:r>
              <a:rPr lang="de-CH"/>
              <a:t> </a:t>
            </a:r>
            <a:r>
              <a:rPr lang="de-CH" err="1"/>
              <a:t>invidunt</a:t>
            </a:r>
            <a:r>
              <a:rPr lang="de-CH"/>
              <a:t> </a:t>
            </a:r>
            <a:r>
              <a:rPr lang="de-CH" err="1"/>
              <a:t>ut</a:t>
            </a:r>
            <a:r>
              <a:rPr lang="de-CH"/>
              <a:t> </a:t>
            </a:r>
            <a:r>
              <a:rPr lang="de-CH" err="1"/>
              <a:t>labore</a:t>
            </a:r>
            <a:r>
              <a:rPr lang="de-CH"/>
              <a:t> et </a:t>
            </a:r>
            <a:r>
              <a:rPr lang="de-CH" err="1"/>
              <a:t>dolore</a:t>
            </a:r>
            <a:r>
              <a:rPr lang="de-CH"/>
              <a:t> magna </a:t>
            </a:r>
            <a:r>
              <a:rPr lang="de-CH" err="1"/>
              <a:t>aliquyam</a:t>
            </a:r>
            <a:r>
              <a:rPr lang="de-CH"/>
              <a:t> erat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voluptua</a:t>
            </a:r>
            <a:r>
              <a:rPr lang="de-CH"/>
              <a:t>. At </a:t>
            </a:r>
            <a:r>
              <a:rPr lang="de-CH" err="1"/>
              <a:t>vero</a:t>
            </a:r>
            <a:r>
              <a:rPr lang="de-CH"/>
              <a:t> </a:t>
            </a:r>
            <a:r>
              <a:rPr lang="de-CH" err="1"/>
              <a:t>eos</a:t>
            </a:r>
            <a:r>
              <a:rPr lang="de-CH"/>
              <a:t> et </a:t>
            </a:r>
            <a:r>
              <a:rPr lang="de-CH" err="1"/>
              <a:t>accusam</a:t>
            </a:r>
            <a:r>
              <a:rPr lang="de-CH"/>
              <a:t> et </a:t>
            </a:r>
            <a:r>
              <a:rPr lang="de-CH" err="1"/>
              <a:t>justo</a:t>
            </a:r>
            <a:r>
              <a:rPr lang="de-CH"/>
              <a:t> </a:t>
            </a:r>
            <a:r>
              <a:rPr lang="de-CH" err="1"/>
              <a:t>duo</a:t>
            </a:r>
            <a:r>
              <a:rPr lang="de-CH"/>
              <a:t> </a:t>
            </a:r>
            <a:r>
              <a:rPr lang="de-CH" err="1"/>
              <a:t>dolores</a:t>
            </a:r>
            <a:r>
              <a:rPr lang="de-CH"/>
              <a:t> et </a:t>
            </a:r>
            <a:r>
              <a:rPr lang="de-CH" err="1"/>
              <a:t>ea</a:t>
            </a:r>
            <a:r>
              <a:rPr lang="de-CH"/>
              <a:t> </a:t>
            </a:r>
            <a:r>
              <a:rPr lang="de-CH" err="1"/>
              <a:t>rebum</a:t>
            </a:r>
            <a:r>
              <a:rPr lang="de-CH"/>
              <a:t>.</a:t>
            </a:r>
          </a:p>
          <a:p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11228367-2148-4750-BB4A-02D5082004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76238" y="510427"/>
            <a:ext cx="3813048" cy="222413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Insert title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4471A613-B51D-482C-A0C1-867B7900F18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624057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lang="en-US" sz="600">
                <a:solidFill>
                  <a:schemeClr val="tx1"/>
                </a:solidFill>
              </a:defRPr>
            </a:lvl1pPr>
          </a:lstStyle>
          <a:p>
            <a:r>
              <a:rPr lang="de-CH"/>
              <a:t>Page </a:t>
            </a:r>
            <a:fld id="{F6D6BDF2-272F-4256-ACF1-DEAEC48BAB75}" type="slidenum">
              <a:rPr lang="de-CH" smtClean="0"/>
              <a:pPr/>
              <a:t>‹#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575192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11188" y="267097"/>
            <a:ext cx="6372571" cy="648891"/>
          </a:xfrm>
        </p:spPr>
        <p:txBody>
          <a:bodyPr/>
          <a:lstStyle>
            <a:lvl1pPr>
              <a:defRPr sz="2000"/>
            </a:lvl1pPr>
          </a:lstStyle>
          <a:p>
            <a:r>
              <a:rPr lang="en-GB"/>
              <a:t>Click to edit Master title sty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916875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t with Image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16">
            <a:extLst>
              <a:ext uri="{FF2B5EF4-FFF2-40B4-BE49-F238E27FC236}">
                <a16:creationId xmlns:a16="http://schemas.microsoft.com/office/drawing/2014/main" id="{9B9F577F-F0A9-4853-B77C-37B3AAE0FDCA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553944" y="0"/>
            <a:ext cx="4590056" cy="451289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en-GB" noProof="0"/>
              <a:t>Click icon to add picture</a:t>
            </a:r>
            <a:endParaRPr lang="de-CH" noProof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76238" y="1369219"/>
            <a:ext cx="3813048" cy="326350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r>
              <a:rPr lang="de-CH"/>
              <a:t>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nonumy</a:t>
            </a:r>
            <a:r>
              <a:rPr lang="de-CH"/>
              <a:t> </a:t>
            </a:r>
            <a:r>
              <a:rPr lang="de-CH" err="1"/>
              <a:t>eirmod</a:t>
            </a:r>
            <a:r>
              <a:rPr lang="de-CH"/>
              <a:t> </a:t>
            </a:r>
            <a:r>
              <a:rPr lang="de-CH" err="1"/>
              <a:t>tempor</a:t>
            </a:r>
            <a:r>
              <a:rPr lang="de-CH"/>
              <a:t> </a:t>
            </a:r>
            <a:r>
              <a:rPr lang="de-CH" err="1"/>
              <a:t>invidunt</a:t>
            </a:r>
            <a:r>
              <a:rPr lang="de-CH"/>
              <a:t> </a:t>
            </a:r>
            <a:r>
              <a:rPr lang="de-CH" err="1"/>
              <a:t>ut</a:t>
            </a:r>
            <a:r>
              <a:rPr lang="de-CH"/>
              <a:t> </a:t>
            </a:r>
            <a:r>
              <a:rPr lang="de-CH" err="1"/>
              <a:t>labore</a:t>
            </a:r>
            <a:r>
              <a:rPr lang="de-CH"/>
              <a:t> et </a:t>
            </a:r>
            <a:r>
              <a:rPr lang="de-CH" err="1"/>
              <a:t>dolore</a:t>
            </a:r>
            <a:r>
              <a:rPr lang="de-CH"/>
              <a:t> magna </a:t>
            </a:r>
            <a:r>
              <a:rPr lang="de-CH" err="1"/>
              <a:t>aliquyam</a:t>
            </a:r>
            <a:r>
              <a:rPr lang="de-CH"/>
              <a:t> erat, sed </a:t>
            </a:r>
            <a:r>
              <a:rPr lang="de-CH" err="1"/>
              <a:t>diam</a:t>
            </a:r>
            <a:r>
              <a:rPr lang="de-CH"/>
              <a:t> </a:t>
            </a:r>
            <a:r>
              <a:rPr lang="de-CH" err="1"/>
              <a:t>voluptua</a:t>
            </a:r>
            <a:r>
              <a:rPr lang="de-CH"/>
              <a:t>. At </a:t>
            </a:r>
            <a:r>
              <a:rPr lang="de-CH" err="1"/>
              <a:t>vero</a:t>
            </a:r>
            <a:r>
              <a:rPr lang="de-CH"/>
              <a:t> </a:t>
            </a:r>
            <a:r>
              <a:rPr lang="de-CH" err="1"/>
              <a:t>eos</a:t>
            </a:r>
            <a:r>
              <a:rPr lang="de-CH"/>
              <a:t> et </a:t>
            </a:r>
            <a:r>
              <a:rPr lang="de-CH" err="1"/>
              <a:t>accusam</a:t>
            </a:r>
            <a:r>
              <a:rPr lang="de-CH"/>
              <a:t> et </a:t>
            </a:r>
            <a:r>
              <a:rPr lang="de-CH" err="1"/>
              <a:t>justo</a:t>
            </a:r>
            <a:r>
              <a:rPr lang="de-CH"/>
              <a:t> </a:t>
            </a:r>
            <a:r>
              <a:rPr lang="de-CH" err="1"/>
              <a:t>duo</a:t>
            </a:r>
            <a:r>
              <a:rPr lang="de-CH"/>
              <a:t> </a:t>
            </a:r>
            <a:r>
              <a:rPr lang="de-CH" err="1"/>
              <a:t>dolores</a:t>
            </a:r>
            <a:r>
              <a:rPr lang="de-CH"/>
              <a:t> et </a:t>
            </a:r>
            <a:r>
              <a:rPr lang="de-CH" err="1"/>
              <a:t>ea</a:t>
            </a:r>
            <a:r>
              <a:rPr lang="de-CH"/>
              <a:t> </a:t>
            </a:r>
            <a:r>
              <a:rPr lang="de-CH" err="1"/>
              <a:t>rebum</a:t>
            </a:r>
            <a:r>
              <a:rPr lang="de-CH"/>
              <a:t>.</a:t>
            </a:r>
          </a:p>
          <a:p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  <a:p>
            <a:pPr lvl="1"/>
            <a:r>
              <a:rPr lang="de-CH" err="1"/>
              <a:t>Bulletpoint</a:t>
            </a:r>
            <a:r>
              <a:rPr lang="de-CH"/>
              <a:t> 1: </a:t>
            </a:r>
            <a:r>
              <a:rPr lang="de-CH" err="1"/>
              <a:t>Lorem</a:t>
            </a:r>
            <a:r>
              <a:rPr lang="de-CH"/>
              <a:t> </a:t>
            </a:r>
            <a:r>
              <a:rPr lang="de-CH" err="1"/>
              <a:t>ipsum</a:t>
            </a:r>
            <a:r>
              <a:rPr lang="de-CH"/>
              <a:t> </a:t>
            </a:r>
            <a:r>
              <a:rPr lang="de-CH" err="1"/>
              <a:t>dolor</a:t>
            </a:r>
            <a:r>
              <a:rPr lang="de-CH"/>
              <a:t> </a:t>
            </a:r>
            <a:r>
              <a:rPr lang="de-CH" err="1"/>
              <a:t>sit</a:t>
            </a:r>
            <a:r>
              <a:rPr lang="de-CH"/>
              <a:t> </a:t>
            </a:r>
            <a:r>
              <a:rPr lang="de-CH" err="1"/>
              <a:t>amet</a:t>
            </a:r>
            <a:r>
              <a:rPr lang="de-CH"/>
              <a:t>, </a:t>
            </a:r>
            <a:r>
              <a:rPr lang="de-CH" err="1"/>
              <a:t>consetetur</a:t>
            </a:r>
            <a:r>
              <a:rPr lang="de-CH"/>
              <a:t> </a:t>
            </a:r>
            <a:r>
              <a:rPr lang="de-CH" err="1"/>
              <a:t>sadipscing</a:t>
            </a:r>
            <a:r>
              <a:rPr lang="de-CH"/>
              <a:t> </a:t>
            </a:r>
            <a:r>
              <a:rPr lang="de-CH" err="1"/>
              <a:t>elitr</a:t>
            </a:r>
            <a:endParaRPr lang="de-CH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11228367-2148-4750-BB4A-02D5082004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76238" y="510427"/>
            <a:ext cx="3813048" cy="222413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Insert title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4471A613-B51D-482C-A0C1-867B7900F18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624057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lang="en-US" sz="600">
                <a:solidFill>
                  <a:schemeClr val="tx1"/>
                </a:solidFill>
              </a:defRPr>
            </a:lvl1pPr>
          </a:lstStyle>
          <a:p>
            <a:r>
              <a:rPr lang="de-CH"/>
              <a:t>Page </a:t>
            </a:r>
            <a:fld id="{F6D6BDF2-272F-4256-ACF1-DEAEC48BAB75}" type="slidenum">
              <a:rPr lang="de-CH" smtClean="0"/>
              <a:pPr/>
              <a:t>‹#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5602929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DCE334-13F4-E048-929F-B1D07DC33591}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819890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76238" y="2232279"/>
            <a:ext cx="1920240" cy="707480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1125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noProof="0"/>
              <a:t>Subtitles over one or more lines
</a:t>
            </a:r>
            <a:endParaRPr lang="de-CH" noProof="0" dirty="0"/>
          </a:p>
        </p:txBody>
      </p:sp>
      <p:sp>
        <p:nvSpPr>
          <p:cNvPr id="21" name="Footer Placeholder 4">
            <a:extLst>
              <a:ext uri="{FF2B5EF4-FFF2-40B4-BE49-F238E27FC236}">
                <a16:creationId xmlns:a16="http://schemas.microsoft.com/office/drawing/2014/main" id="{CF8B39FE-F082-41ED-AC68-B14657D0BE2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624057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lang="en-US" sz="600">
                <a:noFill/>
              </a:defRPr>
            </a:lvl1pPr>
          </a:lstStyle>
          <a:p>
            <a:r>
              <a:rPr lang="de-DE"/>
              <a:t>Page ‹Nr.›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0B18995A-21ED-4742-86FC-8BB97CB2935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76784" y="1162431"/>
            <a:ext cx="3816210" cy="706374"/>
          </a:xfrm>
        </p:spPr>
        <p:txBody>
          <a:bodyPr anchor="b"/>
          <a:lstStyle>
            <a:lvl1pPr algn="l">
              <a:lnSpc>
                <a:spcPct val="100000"/>
              </a:lnSpc>
              <a:defRPr sz="2250"/>
            </a:lvl1pPr>
          </a:lstStyle>
          <a:p>
            <a:r>
              <a:rPr lang="en-US" noProof="0" dirty="0"/>
              <a:t>Titles about a</a:t>
            </a:r>
            <a:br>
              <a:rPr lang="en-US" noProof="0" dirty="0"/>
            </a:br>
            <a:r>
              <a:rPr lang="en-US" noProof="0" dirty="0"/>
              <a:t>or multiple lines</a:t>
            </a:r>
            <a:endParaRPr lang="de-CH" noProof="0" dirty="0"/>
          </a:p>
        </p:txBody>
      </p:sp>
    </p:spTree>
    <p:extLst>
      <p:ext uri="{BB962C8B-B14F-4D97-AF65-F5344CB8AC3E}">
        <p14:creationId xmlns:p14="http://schemas.microsoft.com/office/powerpoint/2010/main" val="699981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880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Fina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826416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ctrTitle"/>
            <p:custDataLst>
              <p:tags r:id="rId1"/>
            </p:custDataLst>
          </p:nvPr>
        </p:nvSpPr>
        <p:spPr>
          <a:xfrm>
            <a:off x="621568" y="1563638"/>
            <a:ext cx="3950432" cy="1008112"/>
          </a:xfrm>
        </p:spPr>
        <p:txBody>
          <a:bodyPr anchor="t"/>
          <a:lstStyle>
            <a:lvl1pPr>
              <a:lnSpc>
                <a:spcPts val="2100"/>
              </a:lnSpc>
              <a:defRPr sz="1400" b="1"/>
            </a:lvl1pPr>
          </a:lstStyle>
          <a:p>
            <a:pPr lvl="0"/>
            <a:r>
              <a:rPr lang="en-GB" noProof="0" dirty="0"/>
              <a:t>Click to edit Master title style</a:t>
            </a:r>
            <a:endParaRPr lang="de-CH" noProof="0" dirty="0"/>
          </a:p>
        </p:txBody>
      </p:sp>
      <p:sp>
        <p:nvSpPr>
          <p:cNvPr id="12" name="DN:Hierarchy|ID:2|Hierarchy:1" title="Ort.DE">
            <a:extLst>
              <a:ext uri="{FF2B5EF4-FFF2-40B4-BE49-F238E27FC236}">
                <a16:creationId xmlns:a16="http://schemas.microsoft.com/office/drawing/2014/main" id="{B1631DD4-D0BA-A144-BAC6-763423D7D698}"/>
              </a:ext>
            </a:extLst>
          </p:cNvPr>
          <p:cNvSpPr txBox="1"/>
          <p:nvPr userDrawn="1"/>
        </p:nvSpPr>
        <p:spPr>
          <a:xfrm>
            <a:off x="621569" y="4116785"/>
            <a:ext cx="3734408" cy="61555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0">
            <a:spAutoFit/>
          </a:bodyPr>
          <a:lstStyle/>
          <a:p>
            <a:r>
              <a:rPr lang="en-GB" sz="800" b="1" noProof="0" dirty="0">
                <a:solidFill>
                  <a:schemeClr val="tx1"/>
                </a:solidFill>
              </a:rPr>
              <a:t>Dr. Donnacha Daly</a:t>
            </a:r>
          </a:p>
          <a:p>
            <a:r>
              <a:rPr lang="en-GB" sz="800" noProof="0" dirty="0">
                <a:solidFill>
                  <a:schemeClr val="tx1"/>
                </a:solidFill>
              </a:rPr>
              <a:t>Head of Bachelor in Artificial Intelligence &amp; Machine Learning</a:t>
            </a:r>
          </a:p>
          <a:p>
            <a:r>
              <a:rPr lang="en-GB" sz="800" noProof="0" dirty="0">
                <a:solidFill>
                  <a:schemeClr val="tx1"/>
                </a:solidFill>
              </a:rPr>
              <a:t>Member of the Algorithmic Business (ABIZ) Research Lab</a:t>
            </a:r>
          </a:p>
          <a:p>
            <a:endParaRPr lang="en-GB" sz="800" noProof="0" dirty="0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r>
              <a:rPr lang="en-GB" sz="800" noProof="0" dirty="0">
                <a:solidFill>
                  <a:srgbClr val="449DC2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donnacha.daly@hslu.ch</a:t>
            </a:r>
            <a:r>
              <a:rPr lang="en-GB" sz="800" noProof="0" dirty="0">
                <a:solidFill>
                  <a:srgbClr val="449DC2"/>
                </a:solidFill>
              </a:rPr>
              <a:t> | </a:t>
            </a:r>
            <a:r>
              <a:rPr lang="en-GB" sz="800" noProof="0" dirty="0">
                <a:solidFill>
                  <a:srgbClr val="449DC2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slu.ch/bachelor-ai</a:t>
            </a:r>
            <a:r>
              <a:rPr lang="en-GB" sz="800" noProof="0" dirty="0">
                <a:solidFill>
                  <a:srgbClr val="449DC2"/>
                </a:solidFill>
              </a:rPr>
              <a:t> | </a:t>
            </a:r>
            <a:r>
              <a:rPr lang="en-GB" sz="800" noProof="0" dirty="0">
                <a:solidFill>
                  <a:srgbClr val="449DC2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ww.abiz.ch</a:t>
            </a:r>
            <a:r>
              <a:rPr lang="en-GB" sz="800" noProof="0" dirty="0">
                <a:solidFill>
                  <a:srgbClr val="449DC2"/>
                </a:solidFill>
              </a:rPr>
              <a:t> </a:t>
            </a:r>
          </a:p>
        </p:txBody>
      </p:sp>
      <p:pic>
        <p:nvPicPr>
          <p:cNvPr id="11" name="Picture 10" descr="Shape&#10;&#10;Description automatically generated with medium confidence">
            <a:extLst>
              <a:ext uri="{FF2B5EF4-FFF2-40B4-BE49-F238E27FC236}">
                <a16:creationId xmlns:a16="http://schemas.microsoft.com/office/drawing/2014/main" id="{5AF953D1-3D11-7F4A-92B2-1BA1DE1F7664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5216" y="328293"/>
            <a:ext cx="1434105" cy="227234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71FE208A-8D33-6F42-92D0-9892EA6C1605}"/>
              </a:ext>
            </a:extLst>
          </p:cNvPr>
          <p:cNvSpPr/>
          <p:nvPr userDrawn="1"/>
        </p:nvSpPr>
        <p:spPr>
          <a:xfrm>
            <a:off x="621568" y="609123"/>
            <a:ext cx="2237969" cy="21544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en-GB" sz="700" b="1" dirty="0">
                <a:solidFill>
                  <a:srgbClr val="449DC2"/>
                </a:solidFill>
              </a:rPr>
              <a:t>School of Computer Science </a:t>
            </a:r>
          </a:p>
          <a:p>
            <a:r>
              <a:rPr lang="en-GB" sz="700" b="1" dirty="0">
                <a:solidFill>
                  <a:srgbClr val="449DC2"/>
                </a:solidFill>
              </a:rPr>
              <a:t>&amp; Information Technology</a:t>
            </a:r>
            <a:endParaRPr lang="en-US" sz="700" b="1" dirty="0">
              <a:solidFill>
                <a:srgbClr val="449DC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38867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11188" y="123478"/>
            <a:ext cx="7921625" cy="432148"/>
          </a:xfrm>
        </p:spPr>
        <p:txBody>
          <a:bodyPr lIns="0" tIns="0" rIns="0" bIns="0" anchor="b" anchorCtr="0"/>
          <a:lstStyle>
            <a:lvl1pPr>
              <a:defRPr sz="2000"/>
            </a:lvl1pPr>
          </a:lstStyle>
          <a:p>
            <a:r>
              <a:rPr lang="en-GB"/>
              <a:t>Click to edit Master title sty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345367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DCE334-13F4-E048-929F-B1D07DC33591}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293817554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76238" y="2232279"/>
            <a:ext cx="1920240" cy="707480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1125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noProof="0"/>
              <a:t>Subtitles over one or more lines
</a:t>
            </a:r>
            <a:endParaRPr lang="de-CH" noProof="0" dirty="0"/>
          </a:p>
        </p:txBody>
      </p:sp>
      <p:sp>
        <p:nvSpPr>
          <p:cNvPr id="21" name="Footer Placeholder 4">
            <a:extLst>
              <a:ext uri="{FF2B5EF4-FFF2-40B4-BE49-F238E27FC236}">
                <a16:creationId xmlns:a16="http://schemas.microsoft.com/office/drawing/2014/main" id="{CF8B39FE-F082-41ED-AC68-B14657D0BE2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624057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lang="en-US" sz="600">
                <a:noFill/>
              </a:defRPr>
            </a:lvl1pPr>
          </a:lstStyle>
          <a:p>
            <a:r>
              <a:rPr lang="de-DE"/>
              <a:t>Page ‹Nr.›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0B18995A-21ED-4742-86FC-8BB97CB2935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76784" y="1162431"/>
            <a:ext cx="3816210" cy="706374"/>
          </a:xfrm>
        </p:spPr>
        <p:txBody>
          <a:bodyPr anchor="b"/>
          <a:lstStyle>
            <a:lvl1pPr algn="l">
              <a:lnSpc>
                <a:spcPct val="100000"/>
              </a:lnSpc>
              <a:defRPr sz="2250"/>
            </a:lvl1pPr>
          </a:lstStyle>
          <a:p>
            <a:r>
              <a:rPr lang="en-US" noProof="0" dirty="0"/>
              <a:t>Titles about a</a:t>
            </a:r>
            <a:br>
              <a:rPr lang="en-US" noProof="0" dirty="0"/>
            </a:br>
            <a:r>
              <a:rPr lang="en-US" noProof="0" dirty="0"/>
              <a:t>or multiple lines</a:t>
            </a:r>
            <a:endParaRPr lang="de-CH" noProof="0" dirty="0"/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E81FFE08-5E5A-B2E5-C13B-14FB3460C52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4478" y="308555"/>
            <a:ext cx="1522525" cy="244606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A41B8AB7-4C4C-FD5F-1533-13926F703D74}"/>
              </a:ext>
            </a:extLst>
          </p:cNvPr>
          <p:cNvSpPr txBox="1"/>
          <p:nvPr userDrawn="1"/>
        </p:nvSpPr>
        <p:spPr>
          <a:xfrm>
            <a:off x="269282" y="4693603"/>
            <a:ext cx="707245" cy="19620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err="1"/>
              <a:t>Informatik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1151061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880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2" Type="http://schemas.openxmlformats.org/officeDocument/2006/relationships/slideLayout" Target="../slideLayouts/slideLayout7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.jpeg"/><Relationship Id="rId5" Type="http://schemas.openxmlformats.org/officeDocument/2006/relationships/tags" Target="../tags/tag5.xml"/><Relationship Id="rId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7" Type="http://schemas.openxmlformats.org/officeDocument/2006/relationships/image" Target="../media/image3.png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theme" Target="../theme/theme3.xml"/><Relationship Id="rId5" Type="http://schemas.openxmlformats.org/officeDocument/2006/relationships/slideLayout" Target="../slideLayouts/slideLayout13.xml"/><Relationship Id="rId4" Type="http://schemas.openxmlformats.org/officeDocument/2006/relationships/slideLayout" Target="../slideLayouts/slideLayout12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theme" Target="../theme/theme4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5" Type="http://schemas.openxmlformats.org/officeDocument/2006/relationships/slideLayout" Target="../slideLayouts/slideLayout18.xml"/><Relationship Id="rId4" Type="http://schemas.openxmlformats.org/officeDocument/2006/relationships/slideLayout" Target="../slideLayouts/slideLayout17.xml"/><Relationship Id="rId9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7"/>
            </p:custDataLst>
          </p:nvPr>
        </p:nvSpPr>
        <p:spPr bwMode="auto">
          <a:xfrm>
            <a:off x="611560" y="267494"/>
            <a:ext cx="6372571" cy="64889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de-DE" dirty="0"/>
              <a:t>Click to edit Master title style</a:t>
            </a:r>
            <a:endParaRPr lang="de-CH" altLang="de-DE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21" r:id="rId2"/>
    <p:sldLayoutId id="2147483726" r:id="rId3"/>
    <p:sldLayoutId id="2147483742" r:id="rId4"/>
    <p:sldLayoutId id="2147483743" r:id="rId5"/>
  </p:sldLayoutIdLst>
  <p:hf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5pPr>
      <a:lvl6pPr marL="3429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6pPr>
      <a:lvl7pPr marL="6858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7pPr>
      <a:lvl8pPr marL="10287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8pPr>
      <a:lvl9pPr marL="13716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9pPr>
    </p:titleStyle>
    <p:bodyStyle>
      <a:lvl1pPr marL="136922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  <a:ea typeface="+mn-ea"/>
          <a:cs typeface="+mn-cs"/>
        </a:defRPr>
      </a:lvl1pPr>
      <a:lvl2pPr marL="404813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2pPr>
      <a:lvl3pPr marL="679847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3pPr>
      <a:lvl4pPr marL="946547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4pPr>
      <a:lvl5pPr marL="12144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5pPr>
      <a:lvl6pPr marL="15573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6pPr>
      <a:lvl7pPr marL="19002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7pPr>
      <a:lvl8pPr marL="22431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8pPr>
      <a:lvl9pPr marL="25860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 userDrawn="1">
          <p15:clr>
            <a:srgbClr val="F26B43"/>
          </p15:clr>
        </p15:guide>
        <p15:guide id="2" pos="2880" userDrawn="1">
          <p15:clr>
            <a:srgbClr val="F26B43"/>
          </p15:clr>
        </p15:guide>
        <p15:guide id="3" pos="385" userDrawn="1">
          <p15:clr>
            <a:srgbClr val="F26B43"/>
          </p15:clr>
        </p15:guide>
        <p15:guide id="4" pos="5375" userDrawn="1">
          <p15:clr>
            <a:srgbClr val="F26B43"/>
          </p15:clr>
        </p15:guide>
        <p15:guide id="5" orient="horz" pos="577" userDrawn="1">
          <p15:clr>
            <a:srgbClr val="F26B43"/>
          </p15:clr>
        </p15:guide>
        <p15:guide id="6" orient="horz" pos="2981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5"/>
            </p:custDataLst>
          </p:nvPr>
        </p:nvSpPr>
        <p:spPr bwMode="auto">
          <a:xfrm>
            <a:off x="611560" y="123478"/>
            <a:ext cx="6372571" cy="43214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de-DE" dirty="0"/>
              <a:t>Click to edit Master title style</a:t>
            </a:r>
            <a:endParaRPr lang="de-CH" altLang="de-DE" dirty="0"/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1E932F38-5A20-8349-A03E-D9FC51C350E6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2721447857"/>
              </p:ext>
            </p:extLst>
          </p:nvPr>
        </p:nvGraphicFramePr>
        <p:xfrm>
          <a:off x="1098410" y="4718754"/>
          <a:ext cx="7290741" cy="2209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30247">
                  <a:extLst>
                    <a:ext uri="{9D8B030D-6E8A-4147-A177-3AD203B41FA5}">
                      <a16:colId xmlns:a16="http://schemas.microsoft.com/office/drawing/2014/main" val="2848615248"/>
                    </a:ext>
                  </a:extLst>
                </a:gridCol>
                <a:gridCol w="2430247">
                  <a:extLst>
                    <a:ext uri="{9D8B030D-6E8A-4147-A177-3AD203B41FA5}">
                      <a16:colId xmlns:a16="http://schemas.microsoft.com/office/drawing/2014/main" val="4264160678"/>
                    </a:ext>
                  </a:extLst>
                </a:gridCol>
                <a:gridCol w="2430247">
                  <a:extLst>
                    <a:ext uri="{9D8B030D-6E8A-4147-A177-3AD203B41FA5}">
                      <a16:colId xmlns:a16="http://schemas.microsoft.com/office/drawing/2014/main" val="3182505763"/>
                    </a:ext>
                  </a:extLst>
                </a:gridCol>
              </a:tblGrid>
              <a:tr h="160020">
                <a:tc>
                  <a:txBody>
                    <a:bodyPr/>
                    <a:lstStyle/>
                    <a:p>
                      <a:pPr algn="l"/>
                      <a:r>
                        <a:rPr lang="en-US" sz="500" b="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Dr. Donnacha Daly</a:t>
                      </a:r>
                    </a:p>
                    <a:p>
                      <a:pPr algn="l"/>
                      <a:r>
                        <a:rPr lang="en-US" sz="500" b="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donnacha.daly@hslu.ch</a:t>
                      </a: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500" b="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600" b="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 </a:t>
                      </a:r>
                    </a:p>
                  </a:txBody>
                  <a:tcPr marL="62345" marR="62345" marT="34290" marB="34290">
                    <a:lnL w="12700" cmpd="sng">
                      <a:noFill/>
                    </a:lnL>
                    <a:lnR w="12700" cmpd="sng">
                      <a:noFill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64476068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E69F5C6B-556B-574A-810E-86DF3AE1F1A0}"/>
              </a:ext>
            </a:extLst>
          </p:cNvPr>
          <p:cNvSpPr txBox="1"/>
          <p:nvPr userDrawn="1"/>
        </p:nvSpPr>
        <p:spPr>
          <a:xfrm>
            <a:off x="8028384" y="4735482"/>
            <a:ext cx="474810" cy="1692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GB" sz="500" noProof="0" dirty="0">
                <a:solidFill>
                  <a:schemeClr val="tx1">
                    <a:lumMod val="50000"/>
                    <a:lumOff val="50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lide </a:t>
            </a:r>
            <a:fld id="{E244BA80-40A2-6249-962B-E530D612185D}" type="slidenum">
              <a:rPr lang="en-GB" sz="500" noProof="0" smtClean="0">
                <a:solidFill>
                  <a:schemeClr val="tx1">
                    <a:lumMod val="50000"/>
                    <a:lumOff val="50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pPr algn="r"/>
              <a:t>‹#›</a:t>
            </a:fld>
            <a:endParaRPr lang="en-GB" sz="500" noProof="0" dirty="0">
              <a:solidFill>
                <a:schemeClr val="tx1">
                  <a:lumMod val="50000"/>
                  <a:lumOff val="50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3" name="Picture 2" descr="Logo&#10;&#10;Description automatically generated with medium confidence">
            <a:extLst>
              <a:ext uri="{FF2B5EF4-FFF2-40B4-BE49-F238E27FC236}">
                <a16:creationId xmlns:a16="http://schemas.microsoft.com/office/drawing/2014/main" id="{DAA3AFCB-433F-4F4A-93A7-3C2C3AD6AA3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25972" y="4732338"/>
            <a:ext cx="462828" cy="182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45187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3" r:id="rId1"/>
    <p:sldLayoutId id="2147483734" r:id="rId2"/>
    <p:sldLayoutId id="2147483735" r:id="rId3"/>
  </p:sldLayoutIdLst>
  <p:hf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5pPr>
      <a:lvl6pPr marL="3429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6pPr>
      <a:lvl7pPr marL="6858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7pPr>
      <a:lvl8pPr marL="10287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8pPr>
      <a:lvl9pPr marL="1371600" algn="l" rtl="0" eaLnBrk="1" fontAlgn="base" hangingPunct="1">
        <a:spcBef>
          <a:spcPct val="0"/>
        </a:spcBef>
        <a:spcAft>
          <a:spcPct val="0"/>
        </a:spcAft>
        <a:defRPr sz="1200" b="1">
          <a:solidFill>
            <a:schemeClr val="tx2"/>
          </a:solidFill>
          <a:latin typeface="Verdana" pitchFamily="34" charset="0"/>
        </a:defRPr>
      </a:lvl9pPr>
    </p:titleStyle>
    <p:bodyStyle>
      <a:lvl1pPr marL="136922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  <a:ea typeface="+mn-ea"/>
          <a:cs typeface="+mn-cs"/>
        </a:defRPr>
      </a:lvl1pPr>
      <a:lvl2pPr marL="404813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2pPr>
      <a:lvl3pPr marL="679847" indent="-144066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3pPr>
      <a:lvl4pPr marL="946547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4pPr>
      <a:lvl5pPr marL="12144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5pPr>
      <a:lvl6pPr marL="15573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6pPr>
      <a:lvl7pPr marL="19002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7pPr>
      <a:lvl8pPr marL="22431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8pPr>
      <a:lvl9pPr marL="2586038" indent="-136922" algn="l" rtl="0" eaLnBrk="1" fontAlgn="base" hangingPunct="1">
        <a:spcBef>
          <a:spcPct val="0"/>
        </a:spcBef>
        <a:spcAft>
          <a:spcPct val="0"/>
        </a:spcAft>
        <a:buChar char="-"/>
        <a:defRPr sz="12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>
          <p15:clr>
            <a:srgbClr val="F26B43"/>
          </p15:clr>
        </p15:guide>
        <p15:guide id="2" pos="2880">
          <p15:clr>
            <a:srgbClr val="F26B43"/>
          </p15:clr>
        </p15:guide>
        <p15:guide id="3" pos="385">
          <p15:clr>
            <a:srgbClr val="F26B43"/>
          </p15:clr>
        </p15:guide>
        <p15:guide id="4" pos="5375">
          <p15:clr>
            <a:srgbClr val="F26B43"/>
          </p15:clr>
        </p15:guide>
        <p15:guide id="5" orient="horz" pos="350">
          <p15:clr>
            <a:srgbClr val="F26B43"/>
          </p15:clr>
        </p15:guide>
        <p15:guide id="6" orient="horz" pos="298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6237" y="510427"/>
            <a:ext cx="8392844" cy="222413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 noProof="0"/>
              <a:t>Insert tit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624057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lang="en-US" sz="600">
                <a:solidFill>
                  <a:schemeClr val="tx1"/>
                </a:solidFill>
              </a:defRPr>
            </a:lvl1pPr>
          </a:lstStyle>
          <a:p>
            <a:r>
              <a:rPr lang="de-CH" dirty="0"/>
              <a:t>Page </a:t>
            </a:r>
            <a:fld id="{F6D6BDF2-272F-4256-ACF1-DEAEC48BAB75}" type="slidenum">
              <a:rPr lang="de-CH" smtClean="0"/>
              <a:pPr/>
              <a:t>‹#›</a:t>
            </a:fld>
            <a:endParaRPr lang="de-CH" dirty="0"/>
          </a:p>
        </p:txBody>
      </p:sp>
      <p:pic>
        <p:nvPicPr>
          <p:cNvPr id="22" name="HSLU_Wortmarke_Schwarz_rgb.pdf" descr="HSLU_Wortmarke_Schwarz_rgb.pdf">
            <a:extLst>
              <a:ext uri="{FF2B5EF4-FFF2-40B4-BE49-F238E27FC236}">
                <a16:creationId xmlns:a16="http://schemas.microsoft.com/office/drawing/2014/main" id="{90BD4B69-5471-4A66-BCA9-21E3F205EB22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6238" y="4759597"/>
            <a:ext cx="200025" cy="6243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B555015-DBB3-4012-A862-2BCB9054B9D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76237" y="1369219"/>
            <a:ext cx="8392844" cy="326350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 err="1"/>
              <a:t>Mastertext</a:t>
            </a:r>
            <a:endParaRPr lang="en-US" dirty="0"/>
          </a:p>
          <a:p>
            <a:pPr lvl="0"/>
            <a:r>
              <a:rPr lang="en-US" dirty="0"/>
              <a:t>Copytext</a:t>
            </a:r>
          </a:p>
          <a:p>
            <a:pPr lvl="0"/>
            <a:r>
              <a:rPr lang="en-US" dirty="0"/>
              <a:t>Text (Level 1)</a:t>
            </a:r>
          </a:p>
          <a:p>
            <a:pPr lvl="1"/>
            <a:r>
              <a:rPr lang="de-CH" noProof="0" dirty="0"/>
              <a:t>First </a:t>
            </a:r>
            <a:r>
              <a:rPr lang="en-US" noProof="0" dirty="0"/>
              <a:t>level</a:t>
            </a:r>
            <a:r>
              <a:rPr lang="de-CH" noProof="0" dirty="0"/>
              <a:t> </a:t>
            </a:r>
            <a:r>
              <a:rPr lang="en-US" noProof="0" dirty="0"/>
              <a:t>of</a:t>
            </a:r>
            <a:r>
              <a:rPr lang="de-CH" noProof="0" dirty="0"/>
              <a:t> </a:t>
            </a:r>
            <a:r>
              <a:rPr lang="en-US" noProof="0" dirty="0"/>
              <a:t>enumeration</a:t>
            </a:r>
            <a:r>
              <a:rPr lang="de-CH" noProof="0" dirty="0"/>
              <a:t> (Level 2)</a:t>
            </a:r>
            <a:endParaRPr lang="en-US" dirty="0"/>
          </a:p>
          <a:p>
            <a:pPr lvl="2"/>
            <a:r>
              <a:rPr lang="de-CH" noProof="0" dirty="0"/>
              <a:t>Second </a:t>
            </a:r>
            <a:r>
              <a:rPr lang="en-US" noProof="0" dirty="0"/>
              <a:t>enumeration</a:t>
            </a:r>
            <a:r>
              <a:rPr lang="de-CH" noProof="0" dirty="0"/>
              <a:t> </a:t>
            </a:r>
            <a:r>
              <a:rPr lang="en-US" noProof="0" dirty="0"/>
              <a:t>level</a:t>
            </a:r>
            <a:r>
              <a:rPr lang="de-CH" noProof="0" dirty="0"/>
              <a:t> (Level 3)</a:t>
            </a:r>
            <a:endParaRPr lang="en-US" dirty="0"/>
          </a:p>
          <a:p>
            <a:pPr lvl="3"/>
            <a:r>
              <a:rPr lang="de-CH" noProof="0" dirty="0"/>
              <a:t>Text </a:t>
            </a:r>
            <a:r>
              <a:rPr lang="de-CH" noProof="0" dirty="0" err="1"/>
              <a:t>heading</a:t>
            </a:r>
            <a:r>
              <a:rPr lang="de-CH" noProof="0" dirty="0"/>
              <a:t> (Level 4)</a:t>
            </a:r>
            <a:endParaRPr lang="en-US" dirty="0"/>
          </a:p>
          <a:p>
            <a:pPr lvl="4"/>
            <a:r>
              <a:rPr lang="de-CH" noProof="0" dirty="0" err="1"/>
              <a:t>Smaller</a:t>
            </a:r>
            <a:r>
              <a:rPr lang="de-CH" noProof="0" dirty="0"/>
              <a:t>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layer</a:t>
            </a:r>
            <a:r>
              <a:rPr lang="de-CH" noProof="0" dirty="0"/>
              <a:t>, 24pt (Level 5)</a:t>
            </a:r>
            <a:endParaRPr lang="en-US" dirty="0"/>
          </a:p>
          <a:p>
            <a:pPr lvl="5"/>
            <a:r>
              <a:rPr lang="de-CH" noProof="0" dirty="0" err="1"/>
              <a:t>Smaller</a:t>
            </a:r>
            <a:r>
              <a:rPr lang="de-CH" noProof="0" dirty="0"/>
              <a:t> </a:t>
            </a:r>
            <a:r>
              <a:rPr lang="de-CH" noProof="0" dirty="0" err="1"/>
              <a:t>enumeration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r>
              <a:rPr lang="de-CH" noProof="0" dirty="0"/>
              <a:t> (Level 6)</a:t>
            </a:r>
            <a:endParaRPr lang="en-US" dirty="0"/>
          </a:p>
          <a:p>
            <a:pPr lvl="6"/>
            <a:r>
              <a:rPr lang="de-CH" noProof="0" dirty="0" err="1"/>
              <a:t>Smaller</a:t>
            </a:r>
            <a:r>
              <a:rPr lang="de-CH" noProof="0" dirty="0"/>
              <a:t> </a:t>
            </a:r>
            <a:r>
              <a:rPr lang="de-CH" noProof="0" dirty="0" err="1"/>
              <a:t>enumeration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r>
              <a:rPr lang="de-CH" noProof="0" dirty="0"/>
              <a:t> (Level 7)</a:t>
            </a:r>
            <a:endParaRPr lang="en-US" dirty="0"/>
          </a:p>
          <a:p>
            <a:pPr lvl="7"/>
            <a:r>
              <a:rPr lang="de-CH" noProof="0" dirty="0"/>
              <a:t>Text </a:t>
            </a:r>
            <a:r>
              <a:rPr lang="de-CH" noProof="0" dirty="0" err="1"/>
              <a:t>heading</a:t>
            </a:r>
            <a:r>
              <a:rPr lang="de-CH" noProof="0" dirty="0"/>
              <a:t> (Level 8)</a:t>
            </a:r>
            <a:endParaRPr lang="en-US" dirty="0"/>
          </a:p>
          <a:p>
            <a:pPr lvl="8"/>
            <a:r>
              <a:rPr lang="de-CH" noProof="0" dirty="0" err="1"/>
              <a:t>Annotations</a:t>
            </a:r>
            <a:r>
              <a:rPr lang="de-CH" noProof="0" dirty="0"/>
              <a:t> and </a:t>
            </a:r>
            <a:r>
              <a:rPr lang="de-CH" noProof="0" dirty="0" err="1"/>
              <a:t>fine</a:t>
            </a:r>
            <a:r>
              <a:rPr lang="de-CH" noProof="0" dirty="0"/>
              <a:t> </a:t>
            </a:r>
            <a:r>
              <a:rPr lang="de-CH" noProof="0" dirty="0" err="1"/>
              <a:t>print</a:t>
            </a:r>
            <a:r>
              <a:rPr lang="de-CH" noProof="0" dirty="0"/>
              <a:t> (Level 9)</a:t>
            </a:r>
            <a:endParaRPr lang="en-US" dirty="0"/>
          </a:p>
        </p:txBody>
      </p:sp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ADF5AC48-E305-4AA8-9F72-99BE21833D6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89134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AI/ML</a:t>
            </a:r>
          </a:p>
        </p:txBody>
      </p:sp>
    </p:spTree>
    <p:extLst>
      <p:ext uri="{BB962C8B-B14F-4D97-AF65-F5344CB8AC3E}">
        <p14:creationId xmlns:p14="http://schemas.microsoft.com/office/powerpoint/2010/main" val="39080160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7" r:id="rId1"/>
    <p:sldLayoutId id="2147483738" r:id="rId2"/>
    <p:sldLayoutId id="2147483739" r:id="rId3"/>
    <p:sldLayoutId id="2147483740" r:id="rId4"/>
    <p:sldLayoutId id="2147483741" r:id="rId5"/>
  </p:sldLayoutIdLst>
  <p:hf sldNum="0" hdr="0"/>
  <p:txStyles>
    <p:titleStyle>
      <a:lvl1pPr algn="l" defTabSz="685800" rtl="0" eaLnBrk="1" latinLnBrk="0" hangingPunct="1">
        <a:lnSpc>
          <a:spcPct val="110000"/>
        </a:lnSpc>
        <a:spcBef>
          <a:spcPct val="0"/>
        </a:spcBef>
        <a:buNone/>
        <a:defRPr sz="15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685800" rtl="0" eaLnBrk="1" latinLnBrk="0" hangingPunct="1">
        <a:lnSpc>
          <a:spcPct val="120000"/>
        </a:lnSpc>
        <a:spcBef>
          <a:spcPts val="750"/>
        </a:spcBef>
        <a:buFont typeface="Arial" panose="020B0604020202020204" pitchFamily="34" charset="0"/>
        <a:buNone/>
        <a:defRPr sz="1125" kern="1200">
          <a:solidFill>
            <a:schemeClr val="tx1"/>
          </a:solidFill>
          <a:latin typeface="+mn-lt"/>
          <a:ea typeface="+mn-ea"/>
          <a:cs typeface="+mn-cs"/>
        </a:defRPr>
      </a:lvl1pPr>
      <a:lvl2pPr marL="195453" indent="-195453" algn="l" defTabSz="685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1125" kern="1200">
          <a:solidFill>
            <a:schemeClr val="tx1"/>
          </a:solidFill>
          <a:latin typeface="+mn-lt"/>
          <a:ea typeface="+mn-ea"/>
          <a:cs typeface="+mn-cs"/>
        </a:defRPr>
      </a:lvl2pPr>
      <a:lvl3pPr marL="390906" indent="-195453" algn="l" defTabSz="685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1125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685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1125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685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750" kern="1200">
          <a:solidFill>
            <a:schemeClr val="tx1"/>
          </a:solidFill>
          <a:latin typeface="+mn-lt"/>
          <a:ea typeface="+mn-ea"/>
          <a:cs typeface="+mn-cs"/>
        </a:defRPr>
      </a:lvl5pPr>
      <a:lvl6pPr marL="102870" indent="-102870" algn="l" defTabSz="685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7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" indent="-102870" algn="l" defTabSz="685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75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685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75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685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880">
          <p15:clr>
            <a:srgbClr val="F26B43"/>
          </p15:clr>
        </p15:guide>
        <p15:guide id="2" pos="226">
          <p15:clr>
            <a:srgbClr val="F26B43"/>
          </p15:clr>
        </p15:guide>
        <p15:guide id="3" pos="5534">
          <p15:clr>
            <a:srgbClr val="F26B43"/>
          </p15:clr>
        </p15:guide>
        <p15:guide id="4" orient="horz" pos="599">
          <p15:clr>
            <a:srgbClr val="F26B43"/>
          </p15:clr>
        </p15:guide>
        <p15:guide id="5" orient="horz" pos="1733">
          <p15:clr>
            <a:srgbClr val="F26B43"/>
          </p15:clr>
        </p15:guide>
        <p15:guide id="6" orient="horz" pos="2867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6237" y="510427"/>
            <a:ext cx="8392844" cy="222413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 noProof="0"/>
              <a:t>Insert tit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624057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lang="en-US" sz="600">
                <a:solidFill>
                  <a:schemeClr val="tx1"/>
                </a:solidFill>
              </a:defRPr>
            </a:lvl1pPr>
          </a:lstStyle>
          <a:p>
            <a:fld id="{F6D6BDF2-272F-4256-ACF1-DEAEC48BAB75}" type="slidenum">
              <a:rPr lang="de-CH" smtClean="0"/>
              <a:pPr/>
              <a:t>‹#›</a:t>
            </a:fld>
            <a:endParaRPr lang="de-CH" dirty="0"/>
          </a:p>
        </p:txBody>
      </p:sp>
      <p:pic>
        <p:nvPicPr>
          <p:cNvPr id="22" name="HSLU_Wortmarke_Schwarz_rgb.pdf" descr="HSLU_Wortmarke_Schwarz_rgb.pdf">
            <a:extLst>
              <a:ext uri="{FF2B5EF4-FFF2-40B4-BE49-F238E27FC236}">
                <a16:creationId xmlns:a16="http://schemas.microsoft.com/office/drawing/2014/main" id="{90BD4B69-5471-4A66-BCA9-21E3F205EB22}"/>
              </a:ext>
            </a:extLst>
          </p:cNvPr>
          <p:cNvPicPr>
            <a:picLocks noChangeAspect="1"/>
          </p:cNvPicPr>
          <p:nvPr userDrawn="1"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6238" y="4759597"/>
            <a:ext cx="200025" cy="6243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B555015-DBB3-4012-A862-2BCB9054B9D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76237" y="1369219"/>
            <a:ext cx="8392844" cy="326350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 err="1"/>
              <a:t>Mastertext</a:t>
            </a:r>
            <a:endParaRPr lang="en-US" dirty="0"/>
          </a:p>
          <a:p>
            <a:pPr lvl="0"/>
            <a:r>
              <a:rPr lang="en-US" dirty="0"/>
              <a:t>Copytext</a:t>
            </a:r>
          </a:p>
          <a:p>
            <a:pPr lvl="0"/>
            <a:r>
              <a:rPr lang="en-US" dirty="0"/>
              <a:t>Text (Level 1)</a:t>
            </a:r>
          </a:p>
          <a:p>
            <a:pPr lvl="1"/>
            <a:r>
              <a:rPr lang="de-CH" noProof="0" dirty="0"/>
              <a:t>First </a:t>
            </a:r>
            <a:r>
              <a:rPr lang="en-US" noProof="0" dirty="0"/>
              <a:t>level</a:t>
            </a:r>
            <a:r>
              <a:rPr lang="de-CH" noProof="0" dirty="0"/>
              <a:t> </a:t>
            </a:r>
            <a:r>
              <a:rPr lang="en-US" noProof="0" dirty="0"/>
              <a:t>of</a:t>
            </a:r>
            <a:r>
              <a:rPr lang="de-CH" noProof="0" dirty="0"/>
              <a:t> </a:t>
            </a:r>
            <a:r>
              <a:rPr lang="en-US" noProof="0" dirty="0"/>
              <a:t>enumeration</a:t>
            </a:r>
            <a:r>
              <a:rPr lang="de-CH" noProof="0" dirty="0"/>
              <a:t> (Level 2)</a:t>
            </a:r>
            <a:endParaRPr lang="en-US" dirty="0"/>
          </a:p>
          <a:p>
            <a:pPr lvl="2"/>
            <a:r>
              <a:rPr lang="de-CH" noProof="0" dirty="0"/>
              <a:t>Second </a:t>
            </a:r>
            <a:r>
              <a:rPr lang="en-US" noProof="0" dirty="0"/>
              <a:t>enumeration</a:t>
            </a:r>
            <a:r>
              <a:rPr lang="de-CH" noProof="0" dirty="0"/>
              <a:t> </a:t>
            </a:r>
            <a:r>
              <a:rPr lang="en-US" noProof="0" dirty="0"/>
              <a:t>level</a:t>
            </a:r>
            <a:r>
              <a:rPr lang="de-CH" noProof="0" dirty="0"/>
              <a:t> (Level 3)</a:t>
            </a:r>
            <a:endParaRPr lang="en-US" dirty="0"/>
          </a:p>
          <a:p>
            <a:pPr lvl="3"/>
            <a:r>
              <a:rPr lang="de-CH" noProof="0" dirty="0"/>
              <a:t>Text </a:t>
            </a:r>
            <a:r>
              <a:rPr lang="de-CH" noProof="0" dirty="0" err="1"/>
              <a:t>heading</a:t>
            </a:r>
            <a:r>
              <a:rPr lang="de-CH" noProof="0" dirty="0"/>
              <a:t> (Level 4)</a:t>
            </a:r>
            <a:endParaRPr lang="en-US" dirty="0"/>
          </a:p>
          <a:p>
            <a:pPr lvl="4"/>
            <a:r>
              <a:rPr lang="de-CH" noProof="0" dirty="0" err="1"/>
              <a:t>Smaller</a:t>
            </a:r>
            <a:r>
              <a:rPr lang="de-CH" noProof="0" dirty="0"/>
              <a:t>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layer</a:t>
            </a:r>
            <a:r>
              <a:rPr lang="de-CH" noProof="0" dirty="0"/>
              <a:t>, 24pt (Level 5)</a:t>
            </a:r>
            <a:endParaRPr lang="en-US" dirty="0"/>
          </a:p>
          <a:p>
            <a:pPr lvl="5"/>
            <a:r>
              <a:rPr lang="de-CH" noProof="0" dirty="0" err="1"/>
              <a:t>Smaller</a:t>
            </a:r>
            <a:r>
              <a:rPr lang="de-CH" noProof="0" dirty="0"/>
              <a:t> </a:t>
            </a:r>
            <a:r>
              <a:rPr lang="de-CH" noProof="0" dirty="0" err="1"/>
              <a:t>enumeration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r>
              <a:rPr lang="de-CH" noProof="0" dirty="0"/>
              <a:t> (Level 6)</a:t>
            </a:r>
            <a:endParaRPr lang="en-US" dirty="0"/>
          </a:p>
          <a:p>
            <a:pPr lvl="6"/>
            <a:r>
              <a:rPr lang="de-CH" noProof="0" dirty="0" err="1"/>
              <a:t>Smaller</a:t>
            </a:r>
            <a:r>
              <a:rPr lang="de-CH" noProof="0" dirty="0"/>
              <a:t> </a:t>
            </a:r>
            <a:r>
              <a:rPr lang="de-CH" noProof="0" dirty="0" err="1"/>
              <a:t>enumeration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r>
              <a:rPr lang="de-CH" noProof="0" dirty="0"/>
              <a:t> (Level 7)</a:t>
            </a:r>
            <a:endParaRPr lang="en-US" dirty="0"/>
          </a:p>
          <a:p>
            <a:pPr lvl="7"/>
            <a:r>
              <a:rPr lang="de-CH" noProof="0" dirty="0"/>
              <a:t>Text </a:t>
            </a:r>
            <a:r>
              <a:rPr lang="de-CH" noProof="0" dirty="0" err="1"/>
              <a:t>heading</a:t>
            </a:r>
            <a:r>
              <a:rPr lang="de-CH" noProof="0" dirty="0"/>
              <a:t> (Level 8)</a:t>
            </a:r>
            <a:endParaRPr lang="en-US" dirty="0"/>
          </a:p>
          <a:p>
            <a:pPr lvl="8"/>
            <a:r>
              <a:rPr lang="de-CH" noProof="0" dirty="0" err="1"/>
              <a:t>Annotations</a:t>
            </a:r>
            <a:r>
              <a:rPr lang="de-CH" noProof="0" dirty="0"/>
              <a:t> and </a:t>
            </a:r>
            <a:r>
              <a:rPr lang="de-CH" noProof="0" dirty="0" err="1"/>
              <a:t>fine</a:t>
            </a:r>
            <a:r>
              <a:rPr lang="de-CH" noProof="0" dirty="0"/>
              <a:t> </a:t>
            </a:r>
            <a:r>
              <a:rPr lang="de-CH" noProof="0" dirty="0" err="1"/>
              <a:t>print</a:t>
            </a:r>
            <a:r>
              <a:rPr lang="de-CH" noProof="0" dirty="0"/>
              <a:t> (Level 9)</a:t>
            </a:r>
            <a:endParaRPr lang="en-US" dirty="0"/>
          </a:p>
        </p:txBody>
      </p:sp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ADF5AC48-E305-4AA8-9F72-99BE21833D6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89134" y="4756929"/>
            <a:ext cx="1145024" cy="69556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Bachelor AI/ML</a:t>
            </a:r>
          </a:p>
        </p:txBody>
      </p:sp>
    </p:spTree>
    <p:extLst>
      <p:ext uri="{BB962C8B-B14F-4D97-AF65-F5344CB8AC3E}">
        <p14:creationId xmlns:p14="http://schemas.microsoft.com/office/powerpoint/2010/main" val="1575498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</p:sldLayoutIdLst>
  <p:hf sldNum="0" hdr="0"/>
  <p:txStyles>
    <p:titleStyle>
      <a:lvl1pPr algn="l" defTabSz="685800" rtl="0" eaLnBrk="1" latinLnBrk="0" hangingPunct="1">
        <a:lnSpc>
          <a:spcPct val="110000"/>
        </a:lnSpc>
        <a:spcBef>
          <a:spcPct val="0"/>
        </a:spcBef>
        <a:buNone/>
        <a:defRPr sz="15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685800" rtl="0" eaLnBrk="1" latinLnBrk="0" hangingPunct="1">
        <a:lnSpc>
          <a:spcPct val="120000"/>
        </a:lnSpc>
        <a:spcBef>
          <a:spcPts val="750"/>
        </a:spcBef>
        <a:buFont typeface="Arial" panose="020B0604020202020204" pitchFamily="34" charset="0"/>
        <a:buNone/>
        <a:defRPr sz="1125" kern="1200">
          <a:solidFill>
            <a:schemeClr val="tx1"/>
          </a:solidFill>
          <a:latin typeface="+mn-lt"/>
          <a:ea typeface="+mn-ea"/>
          <a:cs typeface="+mn-cs"/>
        </a:defRPr>
      </a:lvl1pPr>
      <a:lvl2pPr marL="195453" indent="-195453" algn="l" defTabSz="685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1125" kern="1200">
          <a:solidFill>
            <a:schemeClr val="tx1"/>
          </a:solidFill>
          <a:latin typeface="+mn-lt"/>
          <a:ea typeface="+mn-ea"/>
          <a:cs typeface="+mn-cs"/>
        </a:defRPr>
      </a:lvl2pPr>
      <a:lvl3pPr marL="390906" indent="-195453" algn="l" defTabSz="685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1125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685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1125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685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750" kern="1200">
          <a:solidFill>
            <a:schemeClr val="tx1"/>
          </a:solidFill>
          <a:latin typeface="+mn-lt"/>
          <a:ea typeface="+mn-ea"/>
          <a:cs typeface="+mn-cs"/>
        </a:defRPr>
      </a:lvl5pPr>
      <a:lvl6pPr marL="102870" indent="-102870" algn="l" defTabSz="685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7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" indent="-102870" algn="l" defTabSz="685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75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685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75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685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wpr.org/how-phineas-gages-freak-accident-changed-brain-science" TargetMode="External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png"/><Relationship Id="rId5" Type="http://schemas.openxmlformats.org/officeDocument/2006/relationships/image" Target="../media/image19.jpeg"/><Relationship Id="rId4" Type="http://schemas.openxmlformats.org/officeDocument/2006/relationships/hyperlink" Target="https://www.newscientist.com/article/2145962-this-is-how-some-blind-people-are-able-to-echolocate-like-bats/#ixzz6b9VWpdHW" TargetMode="Externa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youtu.be/m3U1_Zv4_Ik" TargetMode="External"/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researchgate.net/publication/324023933_Artificial_Intelligence_in_the_21st_Century/link/5e457bcc92851c7f7f379d08/download" TargetMode="External"/><Relationship Id="rId2" Type="http://schemas.openxmlformats.org/officeDocument/2006/relationships/hyperlink" Target="https://awards.acm.org/about/2018-turing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medium.com/@kuzuryu71/deep-learning-vs-machine-learning-7db5cfd75321" TargetMode="External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weforum.org/agenda/2019/04/how-much-data-is-generated-each-day-cf4bddf29f/" TargetMode="Externa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png"/><Relationship Id="rId3" Type="http://schemas.openxmlformats.org/officeDocument/2006/relationships/image" Target="../media/image28.png"/><Relationship Id="rId7" Type="http://schemas.openxmlformats.org/officeDocument/2006/relationships/image" Target="../media/image32.png"/><Relationship Id="rId2" Type="http://schemas.openxmlformats.org/officeDocument/2006/relationships/hyperlink" Target="https://zbigatron.com/the-top-image-datasets/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1.png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hyperlink" Target="https://www.upgrad.com/blog/top-deep-learning-frameworks/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conomist.com/technology-quarterly/2020/06/11/the-cost-of-training-machines-is-becoming-a-problem" TargetMode="External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hyperlink" Target="https://en.wikipedia.org/wiki/Moore%27s_law" TargetMode="External"/><Relationship Id="rId2" Type="http://schemas.openxmlformats.org/officeDocument/2006/relationships/image" Target="../media/image39.tiff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tiff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Relationship Id="rId5" Type="http://schemas.openxmlformats.org/officeDocument/2006/relationships/hyperlink" Target="http://vision.stanford.edu/teaching.html" TargetMode="External"/><Relationship Id="rId4" Type="http://schemas.openxmlformats.org/officeDocument/2006/relationships/image" Target="../media/image43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jpe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7.png"/><Relationship Id="rId4" Type="http://schemas.openxmlformats.org/officeDocument/2006/relationships/image" Target="../media/image46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eg"/><Relationship Id="rId2" Type="http://schemas.openxmlformats.org/officeDocument/2006/relationships/hyperlink" Target="https://twitter.com/LinusEkenstam/status/1619480963196792833" TargetMode="External"/><Relationship Id="rId1" Type="http://schemas.openxmlformats.org/officeDocument/2006/relationships/slideLayout" Target="../slideLayouts/slideLayout4.xml"/><Relationship Id="rId4" Type="http://schemas.openxmlformats.org/officeDocument/2006/relationships/hyperlink" Target="https://twitter.com/LinusEkenstam/status/1636127055711461377" TargetMode="Externa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13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youtube.com/playlist?list=PLLssT5z_DsK-h9vYZkQkYNWcItqhlRJLN" TargetMode="External"/><Relationship Id="rId3" Type="http://schemas.openxmlformats.org/officeDocument/2006/relationships/image" Target="../media/image8.svg"/><Relationship Id="rId7" Type="http://schemas.openxmlformats.org/officeDocument/2006/relationships/image" Target="../media/image12.sv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1.png"/><Relationship Id="rId5" Type="http://schemas.openxmlformats.org/officeDocument/2006/relationships/image" Target="../media/image10.svg"/><Relationship Id="rId4" Type="http://schemas.openxmlformats.org/officeDocument/2006/relationships/image" Target="../media/image9.png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13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13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10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image" Target="../media/image57.png"/><Relationship Id="rId1" Type="http://schemas.openxmlformats.org/officeDocument/2006/relationships/slideLayout" Target="../slideLayouts/slideLayout13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jpeg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13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13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13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conomist.com/technology-quarterly/2020/06/11/for-ai-data-are-harder-to-come-by-than-you-think" TargetMode="External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10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hyperlink" Target="https://eandt.theiet.org/content/articles/2019/06/microsoft-quietly-takes-down-huge-facial-recognition-database/" TargetMode="External"/><Relationship Id="rId2" Type="http://schemas.openxmlformats.org/officeDocument/2006/relationships/image" Target="../media/image64.jpeg"/><Relationship Id="rId1" Type="http://schemas.openxmlformats.org/officeDocument/2006/relationships/slideLayout" Target="../slideLayouts/slideLayout10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wired.com/story/ai-great-things-burn-planet/" TargetMode="External"/><Relationship Id="rId2" Type="http://schemas.openxmlformats.org/officeDocument/2006/relationships/image" Target="../media/image65.jpeg"/><Relationship Id="rId1" Type="http://schemas.openxmlformats.org/officeDocument/2006/relationships/slideLayout" Target="../slideLayouts/slideLayout10.xml"/><Relationship Id="rId4" Type="http://schemas.openxmlformats.org/officeDocument/2006/relationships/hyperlink" Target="https://www.wired.com/story/the-generative-ai-search-race-has-a-dirty-secret/" TargetMode="Externa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69.jpeg"/><Relationship Id="rId4" Type="http://schemas.openxmlformats.org/officeDocument/2006/relationships/image" Target="../media/image68.jpe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10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hyperlink" Target="https://xkcd.com/2173/" TargetMode="External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10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hyperlink" Target="https://xkcd.com/2228/" TargetMode="External"/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10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jpeg"/><Relationship Id="rId2" Type="http://schemas.openxmlformats.org/officeDocument/2006/relationships/image" Target="../media/image74.png"/><Relationship Id="rId1" Type="http://schemas.openxmlformats.org/officeDocument/2006/relationships/slideLayout" Target="../slideLayouts/slideLayout15.xml"/><Relationship Id="rId6" Type="http://schemas.openxmlformats.org/officeDocument/2006/relationships/hyperlink" Target="http://www.abiz.ch/" TargetMode="External"/><Relationship Id="rId5" Type="http://schemas.openxmlformats.org/officeDocument/2006/relationships/hyperlink" Target="hslu.ch/bachelor-ai" TargetMode="External"/><Relationship Id="rId4" Type="http://schemas.openxmlformats.org/officeDocument/2006/relationships/hyperlink" Target="mailto:donnacha.daly@hslu.ch" TargetMode="Externa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medium.com/rla-academy/dartmouth-workshop-the-birthplace-of-ai-34c533afe992" TargetMode="External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://hci.stanford.edu/~winograd/shrdlu/" TargetMode="External"/><Relationship Id="rId2" Type="http://schemas.openxmlformats.org/officeDocument/2006/relationships/image" Target="../media/image14.gif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thenewstack.io/remembering-shakey-first-intelligent-robot/" TargetMode="Externa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reader.elsevier.com/reader/sd/pii/0013794494E0047K?token=B73FF63F36643A71803D2F599CFA4F851C9D96038AA004DB63427A14A79AABDCBC29A4D166868CE94B0A153903338C9A" TargetMode="External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actuaries.digital/2018/09/05/history-of-ai-winters/" TargetMode="External"/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jstor.org/stable/249711?seq=1#metadata_info_tab_contents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EC07C5-7942-9C4E-AF10-49BAE4A402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opics Covered in Today’s Lectur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C1C42988-F081-E548-85CF-60AF934C0923}"/>
              </a:ext>
            </a:extLst>
          </p:cNvPr>
          <p:cNvSpPr txBox="1"/>
          <p:nvPr/>
        </p:nvSpPr>
        <p:spPr>
          <a:xfrm>
            <a:off x="611189" y="1131888"/>
            <a:ext cx="3816350" cy="33239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8000" indent="-288000">
              <a:buFont typeface="+mj-lt"/>
              <a:buAutoNum type="alphaUcPeriod"/>
            </a:pPr>
            <a:r>
              <a:rPr lang="en-US" sz="1400" dirty="0"/>
              <a:t>Machine Learning in the Context of Artificial Intelligence (AI)</a:t>
            </a:r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  <a:p>
            <a:pPr marL="288000" indent="-288000">
              <a:buFont typeface="+mj-lt"/>
              <a:buAutoNum type="alphaUcPeriod"/>
            </a:pPr>
            <a:r>
              <a:rPr lang="en-US" sz="1400" dirty="0"/>
              <a:t>The Connectionists: Artificial Neural Networks (ANN’s), Machine Learning (ML) and Deep Learning (NN)</a:t>
            </a:r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  <a:p>
            <a:pPr marL="288000" indent="-288000">
              <a:buFont typeface="+mj-lt"/>
              <a:buAutoNum type="alphaUcPeriod"/>
            </a:pPr>
            <a:r>
              <a:rPr lang="en-US" sz="1400" dirty="0"/>
              <a:t>Three Pillars of Machine Learning: Data, Algorithms &amp; Processing Power</a:t>
            </a:r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  <a:p>
            <a:pPr marL="288000" indent="-288000">
              <a:buFont typeface="+mj-lt"/>
              <a:buAutoNum type="alphaUcPeriod"/>
            </a:pPr>
            <a:r>
              <a:rPr lang="en-US" sz="1400" dirty="0"/>
              <a:t>Machine Learning Today: Progress, State-of-the-Art &amp; Challenges</a:t>
            </a:r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</p:txBody>
      </p:sp>
      <p:pic>
        <p:nvPicPr>
          <p:cNvPr id="4" name="Picture 2" descr="Machine Learning">
            <a:extLst>
              <a:ext uri="{FF2B5EF4-FFF2-40B4-BE49-F238E27FC236}">
                <a16:creationId xmlns:a16="http://schemas.microsoft.com/office/drawing/2014/main" id="{D876CE67-DD94-2C43-A97A-CB0464DFE74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04047" y="1131888"/>
            <a:ext cx="2920607" cy="34560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1297917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9E4E53-1791-1E48-AB1D-6D7050403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rt B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A4DD291-D43F-AA4E-82F7-8DA10A777ECB}"/>
              </a:ext>
            </a:extLst>
          </p:cNvPr>
          <p:cNvSpPr txBox="1"/>
          <p:nvPr/>
        </p:nvSpPr>
        <p:spPr>
          <a:xfrm>
            <a:off x="611189" y="2211710"/>
            <a:ext cx="7777162" cy="720403"/>
          </a:xfrm>
          <a:prstGeom prst="rect">
            <a:avLst/>
          </a:prstGeom>
          <a:noFill/>
        </p:spPr>
        <p:txBody>
          <a:bodyPr wrap="square" rtlCol="0" anchor="b" anchorCtr="0">
            <a:noAutofit/>
          </a:bodyPr>
          <a:lstStyle/>
          <a:p>
            <a:pPr algn="ctr"/>
            <a:r>
              <a:rPr lang="en-US" sz="2000" b="1" dirty="0"/>
              <a:t>The Connectionists: </a:t>
            </a:r>
          </a:p>
          <a:p>
            <a:pPr algn="ctr"/>
            <a:r>
              <a:rPr lang="en-US" sz="2000" b="1" dirty="0"/>
              <a:t>Artificial Neural Networks (ANN’s), </a:t>
            </a:r>
          </a:p>
          <a:p>
            <a:pPr algn="ctr"/>
            <a:r>
              <a:rPr lang="en-US" sz="2000" b="1" dirty="0"/>
              <a:t>Machine Learning (ML) and Deep Learning (NN)</a:t>
            </a:r>
          </a:p>
        </p:txBody>
      </p:sp>
    </p:spTree>
    <p:extLst>
      <p:ext uri="{BB962C8B-B14F-4D97-AF65-F5344CB8AC3E}">
        <p14:creationId xmlns:p14="http://schemas.microsoft.com/office/powerpoint/2010/main" val="77650935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2">
            <a:extLst>
              <a:ext uri="{FF2B5EF4-FFF2-40B4-BE49-F238E27FC236}">
                <a16:creationId xmlns:a16="http://schemas.microsoft.com/office/drawing/2014/main" id="{445E3258-E3C0-704C-8E24-B270B73CE8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78260" y="1131888"/>
            <a:ext cx="1110164" cy="15744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0547001-CCBC-7F4F-937D-3F15FF090B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do Humans and Animals Learn?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3C545F8A-29C5-3F43-838E-36297E91F615}"/>
              </a:ext>
            </a:extLst>
          </p:cNvPr>
          <p:cNvSpPr/>
          <p:nvPr/>
        </p:nvSpPr>
        <p:spPr>
          <a:xfrm>
            <a:off x="4581453" y="1134491"/>
            <a:ext cx="2852864" cy="160043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400" b="1" dirty="0"/>
              <a:t>Example</a:t>
            </a:r>
            <a:r>
              <a:rPr lang="en-GB" sz="1400" dirty="0"/>
              <a:t>: In 1848 </a:t>
            </a:r>
            <a:r>
              <a:rPr lang="en-GB" sz="1400" dirty="0" err="1"/>
              <a:t>Phinneas</a:t>
            </a:r>
            <a:r>
              <a:rPr lang="en-GB" sz="1400" dirty="0"/>
              <a:t> Gage had a 3-foot rod go through his cheekbone and out the top of his skull. He lived another 11 years and </a:t>
            </a:r>
            <a:r>
              <a:rPr lang="en-GB" sz="1400" dirty="0">
                <a:solidFill>
                  <a:srgbClr val="D1026A"/>
                </a:solidFill>
              </a:rPr>
              <a:t>learned to adapt </a:t>
            </a:r>
            <a:r>
              <a:rPr lang="en-GB" sz="1400" dirty="0"/>
              <a:t>to his condition.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265ACC0F-B1A1-6F4F-AEE3-0817A6A54815}"/>
              </a:ext>
            </a:extLst>
          </p:cNvPr>
          <p:cNvSpPr/>
          <p:nvPr/>
        </p:nvSpPr>
        <p:spPr>
          <a:xfrm>
            <a:off x="611188" y="4732338"/>
            <a:ext cx="6200204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US" sz="600" dirty="0">
                <a:hlinkClick r:id="rId3"/>
              </a:rPr>
              <a:t>https://www.wpr.org/how-phineas-gages-freak-accident-changed-brain-science</a:t>
            </a:r>
            <a:endParaRPr lang="en-US" sz="600" dirty="0"/>
          </a:p>
          <a:p>
            <a:r>
              <a:rPr lang="en-GB" sz="600" dirty="0">
                <a:solidFill>
                  <a:srgbClr val="003399"/>
                </a:solidFill>
                <a:hlinkClick r:id="rId4"/>
              </a:rPr>
              <a:t>https://www.newscientist.com/article/2145962-this-is-how-some-blind-people-are-able-to-echolocate-like-bats/#ixzz6b9VWpdHW</a:t>
            </a:r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4A83679-1F3D-6649-AAEB-E9F4D9654111}"/>
              </a:ext>
            </a:extLst>
          </p:cNvPr>
          <p:cNvSpPr/>
          <p:nvPr/>
        </p:nvSpPr>
        <p:spPr>
          <a:xfrm>
            <a:off x="4579056" y="2932113"/>
            <a:ext cx="2735857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400" b="1" dirty="0"/>
              <a:t>Example</a:t>
            </a:r>
            <a:r>
              <a:rPr lang="en-GB" sz="1400" dirty="0"/>
              <a:t>: Some blind people </a:t>
            </a:r>
            <a:r>
              <a:rPr lang="en-GB" sz="1400" dirty="0">
                <a:solidFill>
                  <a:srgbClr val="D1026A"/>
                </a:solidFill>
              </a:rPr>
              <a:t>learn to echolocate </a:t>
            </a:r>
            <a:r>
              <a:rPr lang="en-GB" sz="1400" dirty="0"/>
              <a:t>like bats, making clicks with their mouths.</a:t>
            </a:r>
            <a:endParaRPr lang="en-GB" sz="1400" dirty="0">
              <a:solidFill>
                <a:srgbClr val="000000"/>
              </a:solidFill>
            </a:endParaRPr>
          </a:p>
        </p:txBody>
      </p:sp>
      <p:pic>
        <p:nvPicPr>
          <p:cNvPr id="7" name="Picture 16" descr="Echolocation in humans: an overview - Thaler - 2016 - WIREs Cognitive  Science - Wiley Online Library">
            <a:extLst>
              <a:ext uri="{FF2B5EF4-FFF2-40B4-BE49-F238E27FC236}">
                <a16:creationId xmlns:a16="http://schemas.microsoft.com/office/drawing/2014/main" id="{0447B1F7-7346-3246-8661-5DEC261FDB0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4317" y="2932113"/>
            <a:ext cx="954107" cy="9541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96729536-2198-3045-B96B-D8835A242C75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19288" t="19093" r="6684" b="6706"/>
          <a:stretch/>
        </p:blipFill>
        <p:spPr>
          <a:xfrm>
            <a:off x="742331" y="3044481"/>
            <a:ext cx="2369108" cy="1252591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B2D8C4DF-6C20-834A-8116-D2A8CE86E295}"/>
              </a:ext>
            </a:extLst>
          </p:cNvPr>
          <p:cNvSpPr/>
          <p:nvPr/>
        </p:nvSpPr>
        <p:spPr>
          <a:xfrm>
            <a:off x="611188" y="1134491"/>
            <a:ext cx="3168724" cy="17030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Aft>
                <a:spcPts val="800"/>
              </a:spcAft>
            </a:pPr>
            <a:r>
              <a:rPr lang="en-US" sz="1400" dirty="0">
                <a:solidFill>
                  <a:srgbClr val="000000"/>
                </a:solidFill>
              </a:rPr>
              <a:t>There is a hypothesis that there is </a:t>
            </a:r>
            <a:r>
              <a:rPr lang="en-US" sz="1400" b="1" dirty="0">
                <a:solidFill>
                  <a:srgbClr val="000000"/>
                </a:solidFill>
              </a:rPr>
              <a:t>one type of learning</a:t>
            </a:r>
            <a:r>
              <a:rPr lang="en-US" sz="1400" dirty="0">
                <a:solidFill>
                  <a:srgbClr val="000000"/>
                </a:solidFill>
              </a:rPr>
              <a:t>, used by every part of the brain</a:t>
            </a:r>
          </a:p>
          <a:p>
            <a:pPr lvl="0">
              <a:spcAft>
                <a:spcPts val="800"/>
              </a:spcAft>
            </a:pPr>
            <a:r>
              <a:rPr lang="en-US" sz="1400" b="1" dirty="0">
                <a:solidFill>
                  <a:srgbClr val="000000"/>
                </a:solidFill>
              </a:rPr>
              <a:t>Example</a:t>
            </a:r>
            <a:r>
              <a:rPr lang="en-US" sz="1400" dirty="0">
                <a:solidFill>
                  <a:srgbClr val="000000"/>
                </a:solidFill>
              </a:rPr>
              <a:t>: in animal experiments, when optic nerves are connected to the auditory cortex: the animal </a:t>
            </a:r>
            <a:r>
              <a:rPr lang="en-US" sz="1400" dirty="0">
                <a:solidFill>
                  <a:srgbClr val="D1026A"/>
                </a:solidFill>
              </a:rPr>
              <a:t>learns to see</a:t>
            </a:r>
            <a:r>
              <a:rPr lang="en-US" sz="1400" dirty="0">
                <a:solidFill>
                  <a:srgbClr val="000000"/>
                </a:solidFill>
              </a:rPr>
              <a:t>!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8F5123E-BEE4-2E48-8755-7121A2042E99}"/>
              </a:ext>
            </a:extLst>
          </p:cNvPr>
          <p:cNvSpPr txBox="1"/>
          <p:nvPr/>
        </p:nvSpPr>
        <p:spPr>
          <a:xfrm>
            <a:off x="4579056" y="4069470"/>
            <a:ext cx="3809294" cy="53165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400" b="1" dirty="0"/>
              <a:t>Can we explain learning by examining structures in the brain?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12597891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226DB8-D9C2-B34D-91B3-56EEFE3952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Human Brain</a:t>
            </a:r>
          </a:p>
        </p:txBody>
      </p:sp>
      <p:pic>
        <p:nvPicPr>
          <p:cNvPr id="3" name="Picture 2" descr="The Human Brain Diagram And Functions - koibana.info | Human brain anatomy, Brain  diagram, Brain structure">
            <a:extLst>
              <a:ext uri="{FF2B5EF4-FFF2-40B4-BE49-F238E27FC236}">
                <a16:creationId xmlns:a16="http://schemas.microsoft.com/office/drawing/2014/main" id="{2CE7553E-8C9B-B043-8DA8-4C408B6BB10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5576" y="1131888"/>
            <a:ext cx="4680893" cy="26078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C84277F-C5C9-D04B-A2C0-EEEB960344A7}"/>
              </a:ext>
            </a:extLst>
          </p:cNvPr>
          <p:cNvSpPr txBox="1"/>
          <p:nvPr/>
        </p:nvSpPr>
        <p:spPr>
          <a:xfrm>
            <a:off x="5652120" y="1131887"/>
            <a:ext cx="2232175" cy="2607811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pPr>
              <a:spcAft>
                <a:spcPts val="0"/>
              </a:spcAft>
            </a:pPr>
            <a:r>
              <a:rPr lang="en-US" sz="1400" b="1" dirty="0"/>
              <a:t>Weight</a:t>
            </a:r>
            <a:r>
              <a:rPr lang="en-US" sz="1400" dirty="0"/>
              <a:t>:</a:t>
            </a:r>
          </a:p>
          <a:p>
            <a:pPr>
              <a:spcAft>
                <a:spcPts val="0"/>
              </a:spcAft>
            </a:pPr>
            <a:r>
              <a:rPr lang="en-US" sz="1400" dirty="0"/>
              <a:t>1.3 – 1.5kg</a:t>
            </a:r>
          </a:p>
          <a:p>
            <a:pPr>
              <a:spcAft>
                <a:spcPts val="0"/>
              </a:spcAft>
            </a:pPr>
            <a:endParaRPr lang="en-US" sz="1400" dirty="0"/>
          </a:p>
          <a:p>
            <a:pPr>
              <a:spcAft>
                <a:spcPts val="0"/>
              </a:spcAft>
            </a:pPr>
            <a:r>
              <a:rPr lang="en-US" sz="1400" b="1" dirty="0"/>
              <a:t>Neurons</a:t>
            </a:r>
            <a:r>
              <a:rPr lang="en-US" sz="1400" dirty="0"/>
              <a:t>:</a:t>
            </a:r>
          </a:p>
          <a:p>
            <a:pPr>
              <a:spcAft>
                <a:spcPts val="0"/>
              </a:spcAft>
            </a:pPr>
            <a:r>
              <a:rPr lang="en-US" sz="1400" dirty="0"/>
              <a:t>~100 Billion (~10</a:t>
            </a:r>
            <a:r>
              <a:rPr lang="en-US" sz="1400" baseline="30000" dirty="0"/>
              <a:t>11</a:t>
            </a:r>
            <a:r>
              <a:rPr lang="en-US" sz="1400" dirty="0"/>
              <a:t>)</a:t>
            </a:r>
          </a:p>
          <a:p>
            <a:pPr marL="171450" indent="-171450">
              <a:spcAft>
                <a:spcPts val="0"/>
              </a:spcAft>
              <a:buFont typeface="Wingdings" pitchFamily="2" charset="2"/>
              <a:buChar char="§"/>
            </a:pPr>
            <a:endParaRPr lang="en-US" sz="1400" dirty="0"/>
          </a:p>
          <a:p>
            <a:pPr>
              <a:spcAft>
                <a:spcPts val="0"/>
              </a:spcAft>
            </a:pPr>
            <a:r>
              <a:rPr lang="en-US" sz="1400" b="1" dirty="0"/>
              <a:t>Connections:</a:t>
            </a:r>
            <a:r>
              <a:rPr lang="en-US" sz="1400" dirty="0"/>
              <a:t>~150 Trillion (~10</a:t>
            </a:r>
            <a:r>
              <a:rPr lang="en-US" sz="1400" baseline="30000" dirty="0"/>
              <a:t>14</a:t>
            </a:r>
            <a:r>
              <a:rPr lang="en-US" sz="1400" dirty="0"/>
              <a:t>)</a:t>
            </a:r>
          </a:p>
          <a:p>
            <a:pPr marL="171450" indent="-171450">
              <a:spcAft>
                <a:spcPts val="0"/>
              </a:spcAft>
              <a:buFont typeface="Wingdings" pitchFamily="2" charset="2"/>
              <a:buChar char="§"/>
            </a:pPr>
            <a:endParaRPr lang="en-US" sz="1400" dirty="0"/>
          </a:p>
          <a:p>
            <a:pPr>
              <a:spcAft>
                <a:spcPts val="0"/>
              </a:spcAft>
            </a:pPr>
            <a:r>
              <a:rPr lang="en-US" sz="1400" b="1" dirty="0"/>
              <a:t>Connectivity:</a:t>
            </a:r>
          </a:p>
          <a:p>
            <a:pPr>
              <a:spcAft>
                <a:spcPts val="0"/>
              </a:spcAft>
            </a:pPr>
            <a:r>
              <a:rPr lang="en-US" sz="1400" dirty="0"/>
              <a:t>Each neuron connects to 1k-10k other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C8603FED-E7A9-AD47-A527-67BBD8B64741}"/>
              </a:ext>
            </a:extLst>
          </p:cNvPr>
          <p:cNvSpPr/>
          <p:nvPr/>
        </p:nvSpPr>
        <p:spPr>
          <a:xfrm>
            <a:off x="611188" y="4737903"/>
            <a:ext cx="1417376" cy="369332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US" sz="600" dirty="0">
                <a:hlinkClick r:id="rId3"/>
              </a:rPr>
              <a:t>https://youtu.be/m3U1_Zv4_Ik</a:t>
            </a:r>
            <a:endParaRPr lang="en-US" sz="600" dirty="0"/>
          </a:p>
          <a:p>
            <a:endParaRPr lang="en-US" sz="600" dirty="0"/>
          </a:p>
          <a:p>
            <a:endParaRPr lang="en-US" sz="600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5369A9D-DAD0-B84F-88E2-65106FD6D881}"/>
              </a:ext>
            </a:extLst>
          </p:cNvPr>
          <p:cNvSpPr txBox="1"/>
          <p:nvPr/>
        </p:nvSpPr>
        <p:spPr>
          <a:xfrm>
            <a:off x="755650" y="3867894"/>
            <a:ext cx="7632700" cy="776739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pPr>
              <a:spcAft>
                <a:spcPts val="0"/>
              </a:spcAft>
            </a:pPr>
            <a:r>
              <a:rPr lang="en-US" sz="1400" dirty="0"/>
              <a:t>All parts of the brain are made of the same neural tissue. It is a highly connected network. The original </a:t>
            </a:r>
            <a:r>
              <a:rPr lang="en-US" sz="1400" b="1" dirty="0">
                <a:solidFill>
                  <a:srgbClr val="D1026A"/>
                </a:solidFill>
              </a:rPr>
              <a:t>Connectionists</a:t>
            </a:r>
            <a:r>
              <a:rPr lang="en-US" sz="1400" dirty="0"/>
              <a:t> believed that this was at the center of human learning and intelligence and they set out to copy it within computers.</a:t>
            </a:r>
          </a:p>
        </p:txBody>
      </p:sp>
    </p:spTree>
    <p:extLst>
      <p:ext uri="{BB962C8B-B14F-4D97-AF65-F5344CB8AC3E}">
        <p14:creationId xmlns:p14="http://schemas.microsoft.com/office/powerpoint/2010/main" val="167303781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ABBB2E-82F2-A740-B5F3-90FFC037C8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tworks that Learn</a:t>
            </a:r>
          </a:p>
        </p:txBody>
      </p:sp>
      <p:graphicFrame>
        <p:nvGraphicFramePr>
          <p:cNvPr id="3" name="Table 12">
            <a:extLst>
              <a:ext uri="{FF2B5EF4-FFF2-40B4-BE49-F238E27FC236}">
                <a16:creationId xmlns:a16="http://schemas.microsoft.com/office/drawing/2014/main" id="{33B9FEE7-021A-444F-B9A6-9EE2B352FB6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39842205"/>
              </p:ext>
            </p:extLst>
          </p:nvPr>
        </p:nvGraphicFramePr>
        <p:xfrm>
          <a:off x="611187" y="1123740"/>
          <a:ext cx="4105275" cy="3352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20453">
                  <a:extLst>
                    <a:ext uri="{9D8B030D-6E8A-4147-A177-3AD203B41FA5}">
                      <a16:colId xmlns:a16="http://schemas.microsoft.com/office/drawing/2014/main" val="515353133"/>
                    </a:ext>
                  </a:extLst>
                </a:gridCol>
                <a:gridCol w="3384822">
                  <a:extLst>
                    <a:ext uri="{9D8B030D-6E8A-4147-A177-3AD203B41FA5}">
                      <a16:colId xmlns:a16="http://schemas.microsoft.com/office/drawing/2014/main" val="23645107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chemeClr val="tx1"/>
                          </a:solidFill>
                        </a:rPr>
                        <a:t>1887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Santiago Ramón y </a:t>
                      </a:r>
                      <a:r>
                        <a:rPr lang="en-GB" sz="1400" b="0" dirty="0" err="1">
                          <a:solidFill>
                            <a:schemeClr val="tx1"/>
                          </a:solidFill>
                        </a:rPr>
                        <a:t>Cajal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 at Uni. Barcelona discovers </a:t>
                      </a:r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neurons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 as fundamental to the nervous system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7888362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43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McCulloch &amp; Pitts </a:t>
                      </a:r>
                      <a:r>
                        <a:rPr lang="en-GB" sz="1400" b="1" dirty="0"/>
                        <a:t>model the neuron </a:t>
                      </a:r>
                      <a:r>
                        <a:rPr lang="en-GB" sz="1400" dirty="0"/>
                        <a:t>as a </a:t>
                      </a:r>
                      <a:r>
                        <a:rPr lang="en-GB" sz="1400" b="1" dirty="0"/>
                        <a:t>logic unit</a:t>
                      </a:r>
                      <a:r>
                        <a:rPr lang="en-GB" sz="1400" dirty="0"/>
                        <a:t>. Show that network of such neurons can do any computation. 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493084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49 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onald Hebb conceives an update Rule for </a:t>
                      </a:r>
                      <a:r>
                        <a:rPr lang="en-GB" sz="1400" b="1" dirty="0">
                          <a:solidFill>
                            <a:srgbClr val="D1026A"/>
                          </a:solidFill>
                        </a:rPr>
                        <a:t>learning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:</a:t>
                      </a:r>
                      <a:r>
                        <a:rPr lang="en-GB" sz="1400" dirty="0"/>
                        <a:t> </a:t>
                      </a:r>
                      <a:r>
                        <a:rPr lang="en-GB" sz="1400" i="1" dirty="0"/>
                        <a:t>Neurons that fire together, wire together. </a:t>
                      </a:r>
                      <a:endParaRPr lang="en-GB" sz="1400" b="1" i="1" dirty="0">
                        <a:solidFill>
                          <a:srgbClr val="D1026A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15204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58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Frank Rosenblatt takes the ideas into computer research: he invents the </a:t>
                      </a:r>
                      <a:r>
                        <a:rPr lang="en-GB" sz="1400" b="1" dirty="0"/>
                        <a:t>Perceptron</a:t>
                      </a:r>
                      <a:r>
                        <a:rPr lang="en-GB" sz="1400" b="0" dirty="0"/>
                        <a:t>, 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a single layer </a:t>
                      </a:r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neural network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0795055"/>
                  </a:ext>
                </a:extLst>
              </a:tr>
            </a:tbl>
          </a:graphicData>
        </a:graphic>
      </p:graphicFrame>
      <p:pic>
        <p:nvPicPr>
          <p:cNvPr id="4" name="Picture 2" descr="Image of a famous Ramón y Cajal drawing">
            <a:extLst>
              <a:ext uri="{FF2B5EF4-FFF2-40B4-BE49-F238E27FC236}">
                <a16:creationId xmlns:a16="http://schemas.microsoft.com/office/drawing/2014/main" id="{1DFE684A-4669-2440-B950-6A3F6FE7359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726" r="21585"/>
          <a:stretch/>
        </p:blipFill>
        <p:spPr bwMode="auto">
          <a:xfrm>
            <a:off x="6767609" y="1131888"/>
            <a:ext cx="1364962" cy="14338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Java Implementation for Rosenblatt Perceptron - Reskilling IT">
            <a:extLst>
              <a:ext uri="{FF2B5EF4-FFF2-40B4-BE49-F238E27FC236}">
                <a16:creationId xmlns:a16="http://schemas.microsoft.com/office/drawing/2014/main" id="{03D3C72D-E689-F749-B9C3-4E5D16BD0E9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20072" y="3246118"/>
            <a:ext cx="2771800" cy="1244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8D4EDFC5-4399-5C41-B338-582E6F9AC240}"/>
              </a:ext>
            </a:extLst>
          </p:cNvPr>
          <p:cNvSpPr/>
          <p:nvPr/>
        </p:nvSpPr>
        <p:spPr>
          <a:xfrm>
            <a:off x="611188" y="4737903"/>
            <a:ext cx="5454352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GB" sz="600" dirty="0">
                <a:hlinkClick r:id="" action="ppaction://noaction"/>
              </a:rPr>
              <a:t>https://www.brainfacts.org/brain-anatomy-and-function/cells-and-circuits/2018/santiago-ramon-y-cajal-the-first-modern-neuroscientist</a:t>
            </a:r>
          </a:p>
          <a:p>
            <a:r>
              <a:rPr lang="en-GB" sz="600" dirty="0">
                <a:hlinkClick r:id="" action="ppaction://noaction"/>
              </a:rPr>
              <a:t>https://vitalflux.com/java-implementation-for-rosenblatt-perceptron/</a:t>
            </a:r>
            <a:endParaRPr lang="en-GB" sz="6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3A56D244-AFB3-EC49-8F26-60F64FBB071A}"/>
              </a:ext>
            </a:extLst>
          </p:cNvPr>
          <p:cNvSpPr/>
          <p:nvPr/>
        </p:nvSpPr>
        <p:spPr>
          <a:xfrm>
            <a:off x="5446937" y="1131520"/>
            <a:ext cx="1237206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1400" b="1" dirty="0" err="1"/>
              <a:t>Cajal’s</a:t>
            </a:r>
            <a:r>
              <a:rPr lang="en-GB" sz="1400" b="1" dirty="0"/>
              <a:t> sketch of a Neur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7444A1A-43C3-9844-A206-092106FA3ED3}"/>
              </a:ext>
            </a:extLst>
          </p:cNvPr>
          <p:cNvSpPr/>
          <p:nvPr/>
        </p:nvSpPr>
        <p:spPr>
          <a:xfrm>
            <a:off x="4716463" y="2787628"/>
            <a:ext cx="3671887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400" b="1" dirty="0"/>
              <a:t>Rosenblatt’s Perceptron</a:t>
            </a:r>
          </a:p>
        </p:txBody>
      </p:sp>
    </p:spTree>
    <p:extLst>
      <p:ext uri="{BB962C8B-B14F-4D97-AF65-F5344CB8AC3E}">
        <p14:creationId xmlns:p14="http://schemas.microsoft.com/office/powerpoint/2010/main" val="23838443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861375-A2F7-0D4A-9C9D-910D6BFB3A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Difficult Birth of Neural Networks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0E25F3DC-0849-474E-9EAE-70E9EBE60465}"/>
              </a:ext>
            </a:extLst>
          </p:cNvPr>
          <p:cNvSpPr/>
          <p:nvPr/>
        </p:nvSpPr>
        <p:spPr>
          <a:xfrm>
            <a:off x="4716463" y="1131888"/>
            <a:ext cx="3789526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00" i="1" dirty="0"/>
              <a:t>The perceptron is a supervised binary </a:t>
            </a:r>
            <a:r>
              <a:rPr lang="en-GB" sz="1000" i="1" dirty="0">
                <a:solidFill>
                  <a:srgbClr val="D1026A"/>
                </a:solidFill>
              </a:rPr>
              <a:t>linear classifier</a:t>
            </a:r>
            <a:r>
              <a:rPr lang="en-GB" sz="1000" i="1" dirty="0"/>
              <a:t>. Can you separate two groups using a straight line?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591C53C-EBA3-8B45-82F0-2BB2A4844E9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8077" t="54142" r="22844" b="1382"/>
          <a:stretch/>
        </p:blipFill>
        <p:spPr>
          <a:xfrm>
            <a:off x="4883687" y="1545143"/>
            <a:ext cx="3344497" cy="1505622"/>
          </a:xfrm>
          <a:prstGeom prst="rect">
            <a:avLst/>
          </a:prstGeom>
        </p:spPr>
      </p:pic>
      <p:graphicFrame>
        <p:nvGraphicFramePr>
          <p:cNvPr id="6" name="Table 12">
            <a:extLst>
              <a:ext uri="{FF2B5EF4-FFF2-40B4-BE49-F238E27FC236}">
                <a16:creationId xmlns:a16="http://schemas.microsoft.com/office/drawing/2014/main" id="{B90DD1B9-8D32-9941-99A8-1BFE8B5E24D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41515029"/>
              </p:ext>
            </p:extLst>
          </p:nvPr>
        </p:nvGraphicFramePr>
        <p:xfrm>
          <a:off x="611188" y="1131590"/>
          <a:ext cx="3960812" cy="35102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92460">
                  <a:extLst>
                    <a:ext uri="{9D8B030D-6E8A-4147-A177-3AD203B41FA5}">
                      <a16:colId xmlns:a16="http://schemas.microsoft.com/office/drawing/2014/main" val="515353133"/>
                    </a:ext>
                  </a:extLst>
                </a:gridCol>
                <a:gridCol w="3168352">
                  <a:extLst>
                    <a:ext uri="{9D8B030D-6E8A-4147-A177-3AD203B41FA5}">
                      <a16:colId xmlns:a16="http://schemas.microsoft.com/office/drawing/2014/main" val="23645107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69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Minsky &amp; </a:t>
                      </a:r>
                      <a:r>
                        <a:rPr lang="en-GB" sz="1400" b="0" i="0" dirty="0" err="1">
                          <a:solidFill>
                            <a:schemeClr val="tx1"/>
                          </a:solidFill>
                        </a:rPr>
                        <a:t>Papert</a:t>
                      </a: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 claim much scientific writing on </a:t>
                      </a:r>
                      <a:r>
                        <a:rPr lang="en-GB" sz="1400" b="0" i="0" dirty="0" err="1">
                          <a:solidFill>
                            <a:schemeClr val="tx1"/>
                          </a:solidFill>
                        </a:rPr>
                        <a:t>Perceptrons</a:t>
                      </a: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 is </a:t>
                      </a:r>
                      <a:r>
                        <a:rPr lang="en-GB" sz="1400" b="0" i="0" dirty="0">
                          <a:solidFill>
                            <a:srgbClr val="D1026A"/>
                          </a:solidFill>
                        </a:rPr>
                        <a:t>without scientific value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236127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70’s 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Rosenblatt dies. Rule-based programming dominates. Funding crashes. First AI-Winter. 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045361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80’s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1" i="0" dirty="0">
                          <a:solidFill>
                            <a:schemeClr val="tx1"/>
                          </a:solidFill>
                        </a:rPr>
                        <a:t>Neural networks </a:t>
                      </a: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show promise and make comeback. By ‘91 there are &gt;10k NN researchers in the U.S. alone.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9807387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87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Yann </a:t>
                      </a:r>
                      <a:r>
                        <a:rPr lang="en-GB" sz="1400" b="0" i="0" dirty="0" err="1">
                          <a:solidFill>
                            <a:schemeClr val="tx1"/>
                          </a:solidFill>
                        </a:rPr>
                        <a:t>LeCun</a:t>
                      </a: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en-GB" sz="1400" dirty="0"/>
                        <a:t>proposes modern form of </a:t>
                      </a:r>
                      <a:r>
                        <a:rPr lang="en-GB" sz="1400" b="1" dirty="0">
                          <a:solidFill>
                            <a:srgbClr val="D1026A"/>
                          </a:solidFill>
                        </a:rPr>
                        <a:t>back-propagation</a:t>
                      </a:r>
                      <a:r>
                        <a:rPr lang="en-GB" sz="1400" b="1" dirty="0"/>
                        <a:t> </a:t>
                      </a:r>
                      <a:r>
                        <a:rPr lang="en-GB" sz="1400" dirty="0"/>
                        <a:t>learning algorithm for ANNs</a:t>
                      </a:r>
                      <a:endParaRPr lang="en-GB" sz="1400" b="0" i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9041823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93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The Second AI Winter! </a:t>
                      </a:r>
                      <a:r>
                        <a:rPr lang="en-GB" sz="1400" b="0" i="0" dirty="0">
                          <a:solidFill>
                            <a:schemeClr val="tx1"/>
                          </a:solidFill>
                          <a:sym typeface="Wingdings" pitchFamily="2" charset="2"/>
                        </a:rPr>
                        <a:t></a:t>
                      </a:r>
                      <a:endParaRPr lang="en-GB" sz="1400" b="0" i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50448739"/>
                  </a:ext>
                </a:extLst>
              </a:tr>
            </a:tbl>
          </a:graphicData>
        </a:graphic>
      </p:graphicFrame>
      <p:pic>
        <p:nvPicPr>
          <p:cNvPr id="7" name="Picture 2" descr="Example for an artificial neural network with two input neurons, two... |  Download Scientific Diagram">
            <a:extLst>
              <a:ext uri="{FF2B5EF4-FFF2-40B4-BE49-F238E27FC236}">
                <a16:creationId xmlns:a16="http://schemas.microsoft.com/office/drawing/2014/main" id="{477D5DD7-3F72-4D4A-A981-5C42D391A19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475"/>
          <a:stretch/>
        </p:blipFill>
        <p:spPr bwMode="auto">
          <a:xfrm>
            <a:off x="5422797" y="3593335"/>
            <a:ext cx="2252305" cy="1081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1F14BDC9-F9B1-5049-88B6-1DE33C5C2051}"/>
              </a:ext>
            </a:extLst>
          </p:cNvPr>
          <p:cNvSpPr/>
          <p:nvPr/>
        </p:nvSpPr>
        <p:spPr>
          <a:xfrm>
            <a:off x="5192441" y="3147814"/>
            <a:ext cx="2847127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00" i="1" dirty="0"/>
              <a:t>Neural networks with hidden layers can implement </a:t>
            </a:r>
            <a:r>
              <a:rPr lang="en-GB" sz="1000" i="1" dirty="0">
                <a:solidFill>
                  <a:srgbClr val="D1026A"/>
                </a:solidFill>
              </a:rPr>
              <a:t>non-linear classification</a:t>
            </a:r>
          </a:p>
        </p:txBody>
      </p:sp>
    </p:spTree>
    <p:extLst>
      <p:ext uri="{BB962C8B-B14F-4D97-AF65-F5344CB8AC3E}">
        <p14:creationId xmlns:p14="http://schemas.microsoft.com/office/powerpoint/2010/main" val="152754012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9DB84F2-6C81-B641-B3A8-6450CCCB44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ep Learning and the AI Boom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128B7756-175A-C648-A6C7-2DEEF20FD7FB}"/>
              </a:ext>
            </a:extLst>
          </p:cNvPr>
          <p:cNvSpPr/>
          <p:nvPr/>
        </p:nvSpPr>
        <p:spPr>
          <a:xfrm>
            <a:off x="611188" y="4737903"/>
            <a:ext cx="3096716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GB" sz="600" dirty="0">
                <a:hlinkClick r:id="rId2"/>
              </a:rPr>
              <a:t>https://awards.acm.org/about/2018-turing</a:t>
            </a:r>
            <a:endParaRPr lang="en-GB" sz="600" dirty="0"/>
          </a:p>
          <a:p>
            <a:r>
              <a:rPr lang="en-GB" sz="600" dirty="0">
                <a:latin typeface="+mn-lt"/>
                <a:hlinkClick r:id="rId3"/>
              </a:rPr>
              <a:t>“Artificial Intelligence in the 21st Century”, Kong et al., IEEE Acess, 2018</a:t>
            </a:r>
            <a:endParaRPr lang="en-GB" sz="600" dirty="0">
              <a:latin typeface="+mn-l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D62C94F-F70F-5F41-A23B-9A3308AD5D00}"/>
              </a:ext>
            </a:extLst>
          </p:cNvPr>
          <p:cNvSpPr txBox="1"/>
          <p:nvPr/>
        </p:nvSpPr>
        <p:spPr>
          <a:xfrm>
            <a:off x="4716463" y="3816706"/>
            <a:ext cx="1327745" cy="843276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GB" b="1" dirty="0"/>
              <a:t>Key Contribution</a:t>
            </a:r>
            <a:r>
              <a:rPr lang="en-GB" dirty="0"/>
              <a:t>: </a:t>
            </a:r>
          </a:p>
          <a:p>
            <a:r>
              <a:rPr lang="en-GB" i="1" dirty="0"/>
              <a:t>Generative </a:t>
            </a:r>
          </a:p>
          <a:p>
            <a:r>
              <a:rPr lang="en-GB" i="1" dirty="0"/>
              <a:t>Adversarial </a:t>
            </a:r>
          </a:p>
          <a:p>
            <a:r>
              <a:rPr lang="en-GB" i="1" dirty="0"/>
              <a:t>Network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F296F38-55B9-EA42-9F9B-05CA41759C36}"/>
              </a:ext>
            </a:extLst>
          </p:cNvPr>
          <p:cNvSpPr txBox="1"/>
          <p:nvPr/>
        </p:nvSpPr>
        <p:spPr>
          <a:xfrm>
            <a:off x="5924128" y="3816706"/>
            <a:ext cx="1240160" cy="843276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GB" b="1" dirty="0"/>
              <a:t>Key Contribution</a:t>
            </a:r>
            <a:r>
              <a:rPr lang="en-GB" dirty="0"/>
              <a:t>: </a:t>
            </a:r>
          </a:p>
          <a:p>
            <a:r>
              <a:rPr lang="en-GB" i="1" dirty="0"/>
              <a:t>Backpropagation allows NNs discover their own internal representations of data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D286DFD-8475-A74B-93B1-D2A37D98C2B0}"/>
              </a:ext>
            </a:extLst>
          </p:cNvPr>
          <p:cNvSpPr txBox="1"/>
          <p:nvPr/>
        </p:nvSpPr>
        <p:spPr>
          <a:xfrm>
            <a:off x="7164288" y="3816706"/>
            <a:ext cx="1224136" cy="843276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GB" b="1" dirty="0"/>
              <a:t>Key Contribution</a:t>
            </a:r>
            <a:r>
              <a:rPr lang="en-GB" dirty="0"/>
              <a:t>: </a:t>
            </a:r>
          </a:p>
          <a:p>
            <a:r>
              <a:rPr lang="en-GB" i="1" dirty="0"/>
              <a:t>Convolutional Neural Networks</a:t>
            </a:r>
          </a:p>
          <a:p>
            <a:endParaRPr lang="en-GB" i="1" dirty="0"/>
          </a:p>
        </p:txBody>
      </p:sp>
      <p:graphicFrame>
        <p:nvGraphicFramePr>
          <p:cNvPr id="8" name="Table 12">
            <a:extLst>
              <a:ext uri="{FF2B5EF4-FFF2-40B4-BE49-F238E27FC236}">
                <a16:creationId xmlns:a16="http://schemas.microsoft.com/office/drawing/2014/main" id="{C0EEDADF-2576-5D46-ADED-66C5734D881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55362325"/>
              </p:ext>
            </p:extLst>
          </p:nvPr>
        </p:nvGraphicFramePr>
        <p:xfrm>
          <a:off x="611188" y="1131590"/>
          <a:ext cx="3960812" cy="3444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56857">
                  <a:extLst>
                    <a:ext uri="{9D8B030D-6E8A-4147-A177-3AD203B41FA5}">
                      <a16:colId xmlns:a16="http://schemas.microsoft.com/office/drawing/2014/main" val="515353133"/>
                    </a:ext>
                  </a:extLst>
                </a:gridCol>
                <a:gridCol w="3203955">
                  <a:extLst>
                    <a:ext uri="{9D8B030D-6E8A-4147-A177-3AD203B41FA5}">
                      <a16:colId xmlns:a16="http://schemas.microsoft.com/office/drawing/2014/main" val="23645107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2005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dirty="0" err="1">
                          <a:solidFill>
                            <a:schemeClr val="tx1"/>
                          </a:solidFill>
                        </a:rPr>
                        <a:t>Geoffry</a:t>
                      </a: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 Hinton exposes internal function of multi-layered Neural networks with many hidden units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045361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201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Affordable GPUs give boost to large Neural Networks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2803317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2015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Machines outperform humans at image recognition. Facebook launches </a:t>
                      </a:r>
                      <a:r>
                        <a:rPr lang="en-GB" sz="1400" b="0" i="0" dirty="0" err="1">
                          <a:solidFill>
                            <a:schemeClr val="tx1"/>
                          </a:solidFill>
                        </a:rPr>
                        <a:t>DeepFace</a:t>
                      </a: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 (9 layers, 120M params)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150367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2016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AlphaGo from DeepMind beats world champion Lee </a:t>
                      </a:r>
                      <a:r>
                        <a:rPr lang="en-GB" sz="1400" b="0" i="0" dirty="0" err="1">
                          <a:solidFill>
                            <a:schemeClr val="tx1"/>
                          </a:solidFill>
                        </a:rPr>
                        <a:t>Sodol</a:t>
                      </a: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 at Go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011626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202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i="0" dirty="0">
                          <a:solidFill>
                            <a:schemeClr val="tx1"/>
                          </a:solidFill>
                        </a:rPr>
                        <a:t>Open-AI releases GPT-3 language model with 175 Billion parameters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07739954"/>
                  </a:ext>
                </a:extLst>
              </a:tr>
            </a:tbl>
          </a:graphicData>
        </a:graphic>
      </p:graphicFrame>
      <p:pic>
        <p:nvPicPr>
          <p:cNvPr id="10242" name="Picture 2" descr="2018 ACM AM Turing Award Laureates">
            <a:extLst>
              <a:ext uri="{FF2B5EF4-FFF2-40B4-BE49-F238E27FC236}">
                <a16:creationId xmlns:a16="http://schemas.microsoft.com/office/drawing/2014/main" id="{FC76E5BD-26D0-764D-98DE-EEFB7CBD028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16463" y="1729373"/>
            <a:ext cx="3671887" cy="20665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BBA9D351-B9DF-2449-B5AF-4EA835742ED6}"/>
              </a:ext>
            </a:extLst>
          </p:cNvPr>
          <p:cNvSpPr/>
          <p:nvPr/>
        </p:nvSpPr>
        <p:spPr>
          <a:xfrm>
            <a:off x="4716462" y="1131590"/>
            <a:ext cx="3671887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400" b="1" dirty="0"/>
              <a:t>Turing Award 2018</a:t>
            </a:r>
          </a:p>
        </p:txBody>
      </p:sp>
    </p:spTree>
    <p:extLst>
      <p:ext uri="{BB962C8B-B14F-4D97-AF65-F5344CB8AC3E}">
        <p14:creationId xmlns:p14="http://schemas.microsoft.com/office/powerpoint/2010/main" val="122159685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48A561-7B49-5F49-BD18-951F0AB64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ep Learning Using Many Layers</a:t>
            </a:r>
          </a:p>
        </p:txBody>
      </p:sp>
      <p:pic>
        <p:nvPicPr>
          <p:cNvPr id="4" name="Picture 2" descr="Convolution neural network(basic) | Data Science and Machine Learning |  Kaggle">
            <a:extLst>
              <a:ext uri="{FF2B5EF4-FFF2-40B4-BE49-F238E27FC236}">
                <a16:creationId xmlns:a16="http://schemas.microsoft.com/office/drawing/2014/main" id="{02A911CE-EB89-3F49-8A2E-899DFEA2D3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5576" y="1131590"/>
            <a:ext cx="5472981" cy="26994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463641EC-49E9-CE4B-8870-D05E5FAD4B12}"/>
              </a:ext>
            </a:extLst>
          </p:cNvPr>
          <p:cNvSpPr txBox="1"/>
          <p:nvPr/>
        </p:nvSpPr>
        <p:spPr>
          <a:xfrm>
            <a:off x="6300192" y="1515677"/>
            <a:ext cx="1728565" cy="2085066"/>
          </a:xfrm>
          <a:prstGeom prst="rect">
            <a:avLst/>
          </a:prstGeom>
          <a:noFill/>
          <a:ln>
            <a:noFill/>
          </a:ln>
        </p:spPr>
        <p:txBody>
          <a:bodyPr wrap="square" tIns="90000" bIns="90000" rtlCol="0" anchor="t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400" dirty="0"/>
              <a:t>The core idea of deep learning is to exploit the ability of large neural networks to learn features within the data relevant to the task at hand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7A7A1E7-DD2E-D24A-9ED2-E59AC26F6C5B}"/>
              </a:ext>
            </a:extLst>
          </p:cNvPr>
          <p:cNvSpPr/>
          <p:nvPr/>
        </p:nvSpPr>
        <p:spPr>
          <a:xfrm>
            <a:off x="611188" y="4732338"/>
            <a:ext cx="4572000" cy="276999"/>
          </a:xfrm>
          <a:prstGeom prst="rect">
            <a:avLst/>
          </a:prstGeom>
          <a:solidFill>
            <a:schemeClr val="bg1"/>
          </a:solidFill>
        </p:spPr>
        <p:txBody>
          <a:bodyPr>
            <a:spAutoFit/>
          </a:bodyPr>
          <a:lstStyle/>
          <a:p>
            <a:r>
              <a:rPr lang="en-US" sz="600" dirty="0">
                <a:hlinkClick r:id="rId3"/>
              </a:rPr>
              <a:t>https://medium.com/@kuzuryu71/deep-learning-vs-machine-learning-7db5cfd75321</a:t>
            </a:r>
            <a:endParaRPr lang="en-US" sz="600" dirty="0"/>
          </a:p>
          <a:p>
            <a:endParaRPr lang="en-US" sz="60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9B0368B-C66B-CE46-9845-D7190E5ACA24}"/>
              </a:ext>
            </a:extLst>
          </p:cNvPr>
          <p:cNvSpPr txBox="1"/>
          <p:nvPr/>
        </p:nvSpPr>
        <p:spPr>
          <a:xfrm>
            <a:off x="755576" y="4011910"/>
            <a:ext cx="7632774" cy="53165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pPr algn="ctr"/>
            <a:r>
              <a:rPr lang="en-US" sz="1400" b="1" dirty="0"/>
              <a:t>To do this we need lots of data, sophisticated</a:t>
            </a:r>
          </a:p>
          <a:p>
            <a:pPr algn="ctr"/>
            <a:r>
              <a:rPr lang="en-US" sz="1400" b="1" dirty="0"/>
              <a:t>algorithms and lots of processing power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283843582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9B8F1E-027C-6440-9E6A-40BB8DAAAB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RT C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3132F41-5235-6647-AE60-DA2A6069816C}"/>
              </a:ext>
            </a:extLst>
          </p:cNvPr>
          <p:cNvSpPr txBox="1"/>
          <p:nvPr/>
        </p:nvSpPr>
        <p:spPr>
          <a:xfrm>
            <a:off x="611189" y="2211710"/>
            <a:ext cx="7777162" cy="720403"/>
          </a:xfrm>
          <a:prstGeom prst="rect">
            <a:avLst/>
          </a:prstGeom>
          <a:noFill/>
        </p:spPr>
        <p:txBody>
          <a:bodyPr wrap="square" rtlCol="0" anchor="b" anchorCtr="0">
            <a:noAutofit/>
          </a:bodyPr>
          <a:lstStyle/>
          <a:p>
            <a:pPr algn="ctr"/>
            <a:r>
              <a:rPr lang="en-US" sz="2000" b="1" dirty="0">
                <a:solidFill>
                  <a:schemeClr val="tx2"/>
                </a:solidFill>
              </a:rPr>
              <a:t>Three Pillars of Machine Learning:</a:t>
            </a:r>
          </a:p>
          <a:p>
            <a:pPr algn="ctr"/>
            <a:r>
              <a:rPr lang="en-US" sz="2000" b="1" dirty="0">
                <a:solidFill>
                  <a:schemeClr val="tx2"/>
                </a:solidFill>
              </a:rPr>
              <a:t>Data, Algorithms &amp; Processing Power</a:t>
            </a:r>
          </a:p>
        </p:txBody>
      </p:sp>
    </p:spTree>
    <p:extLst>
      <p:ext uri="{BB962C8B-B14F-4D97-AF65-F5344CB8AC3E}">
        <p14:creationId xmlns:p14="http://schemas.microsoft.com/office/powerpoint/2010/main" val="325507200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902539-EE4B-154E-99C1-A5761D28C6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Much Data is Generated Every Day?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4DAA6750-53DF-F644-8B66-FDAEDDF79F46}"/>
              </a:ext>
            </a:extLst>
          </p:cNvPr>
          <p:cNvSpPr/>
          <p:nvPr/>
        </p:nvSpPr>
        <p:spPr>
          <a:xfrm>
            <a:off x="611188" y="4732338"/>
            <a:ext cx="4572000" cy="276999"/>
          </a:xfrm>
          <a:prstGeom prst="rect">
            <a:avLst/>
          </a:prstGeom>
          <a:solidFill>
            <a:schemeClr val="bg1"/>
          </a:solidFill>
        </p:spPr>
        <p:txBody>
          <a:bodyPr>
            <a:spAutoFit/>
          </a:bodyPr>
          <a:lstStyle/>
          <a:p>
            <a:r>
              <a:rPr lang="en-US" sz="600" dirty="0">
                <a:hlinkClick r:id="rId2"/>
              </a:rPr>
              <a:t>https://www.weforum.org/agenda/2019/04/how-much-data-is-generated-each-day-cf4bddf29f/</a:t>
            </a:r>
            <a:endParaRPr lang="en-US" sz="600" dirty="0"/>
          </a:p>
          <a:p>
            <a:endParaRPr lang="en-US" sz="60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07AE0642-5030-9240-938B-879AE7156DD7}"/>
              </a:ext>
            </a:extLst>
          </p:cNvPr>
          <p:cNvSpPr/>
          <p:nvPr/>
        </p:nvSpPr>
        <p:spPr>
          <a:xfrm>
            <a:off x="611187" y="1134491"/>
            <a:ext cx="4105275" cy="307776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400" dirty="0">
                <a:solidFill>
                  <a:srgbClr val="000000"/>
                </a:solidFill>
              </a:rPr>
              <a:t>100 Million Uploads to Instagram</a:t>
            </a:r>
          </a:p>
          <a:p>
            <a:pPr marL="285750" lvl="0" indent="-2857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400" dirty="0">
                <a:solidFill>
                  <a:srgbClr val="000000"/>
                </a:solidFill>
              </a:rPr>
              <a:t>500 Million Tweets on Twitter</a:t>
            </a:r>
          </a:p>
          <a:p>
            <a:pPr marL="285750" indent="-2857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400" dirty="0">
                <a:solidFill>
                  <a:srgbClr val="000000"/>
                </a:solidFill>
              </a:rPr>
              <a:t>3.5 Billion Photos Taken</a:t>
            </a:r>
          </a:p>
          <a:p>
            <a:pPr marL="285750" indent="-2857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400" dirty="0">
                <a:solidFill>
                  <a:srgbClr val="000000"/>
                </a:solidFill>
              </a:rPr>
              <a:t>5 Billion Web Searches</a:t>
            </a:r>
          </a:p>
          <a:p>
            <a:pPr marL="285750" lvl="0" indent="-2857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400" dirty="0">
                <a:solidFill>
                  <a:srgbClr val="000000"/>
                </a:solidFill>
              </a:rPr>
              <a:t>65 Billion Messages on </a:t>
            </a:r>
            <a:r>
              <a:rPr lang="en-US" sz="1400" dirty="0" err="1">
                <a:solidFill>
                  <a:srgbClr val="000000"/>
                </a:solidFill>
              </a:rPr>
              <a:t>Whatsapp</a:t>
            </a:r>
            <a:endParaRPr lang="en-US" sz="1400" dirty="0">
              <a:solidFill>
                <a:srgbClr val="000000"/>
              </a:solidFill>
            </a:endParaRPr>
          </a:p>
          <a:p>
            <a:pPr marL="285750" indent="-2857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400" dirty="0">
                <a:solidFill>
                  <a:srgbClr val="000000"/>
                </a:solidFill>
              </a:rPr>
              <a:t>300 Billion Emails</a:t>
            </a:r>
          </a:p>
          <a:p>
            <a:pPr>
              <a:spcAft>
                <a:spcPts val="800"/>
              </a:spcAft>
            </a:pPr>
            <a:r>
              <a:rPr lang="en-US" sz="1400" dirty="0">
                <a:solidFill>
                  <a:srgbClr val="000000"/>
                </a:solidFill>
              </a:rPr>
              <a:t>This is mostly well known consumer data. There are also vast amounts of business data being captured in digitalization programs and other public data being captured by government agencies.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16EE944-5803-3F4F-96A0-07D77E2F0C5C}"/>
              </a:ext>
            </a:extLst>
          </p:cNvPr>
          <p:cNvSpPr txBox="1"/>
          <p:nvPr/>
        </p:nvSpPr>
        <p:spPr>
          <a:xfrm>
            <a:off x="5076056" y="1131591"/>
            <a:ext cx="3312294" cy="3077766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90000" bIns="90000" rtlCol="0" anchor="t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pPr marL="285750" indent="-285750">
              <a:buFont typeface="Wingdings" pitchFamily="2" charset="2"/>
              <a:buChar char="§"/>
            </a:pPr>
            <a:r>
              <a:rPr lang="en-US" sz="1400" b="1" dirty="0"/>
              <a:t>Machine learning algorithms can be trained to higher performance levels with labelled data. </a:t>
            </a:r>
          </a:p>
          <a:p>
            <a:pPr marL="285750" indent="-285750">
              <a:buFont typeface="Wingdings" pitchFamily="2" charset="2"/>
              <a:buChar char="§"/>
            </a:pPr>
            <a:endParaRPr lang="en-US" sz="1400" b="1" dirty="0"/>
          </a:p>
          <a:p>
            <a:pPr marL="285750" indent="-285750">
              <a:buFont typeface="Wingdings" pitchFamily="2" charset="2"/>
              <a:buChar char="§"/>
            </a:pPr>
            <a:r>
              <a:rPr lang="en-US" sz="1400" b="1" dirty="0"/>
              <a:t>This is more expensive, and far more scarce than typical unstructured and unlabeled data</a:t>
            </a:r>
          </a:p>
          <a:p>
            <a:pPr marL="285750" indent="-285750">
              <a:buFont typeface="Wingdings" pitchFamily="2" charset="2"/>
              <a:buChar char="§"/>
            </a:pPr>
            <a:endParaRPr lang="en-US" sz="1400" b="1" dirty="0"/>
          </a:p>
          <a:p>
            <a:pPr marL="285750" indent="-285750">
              <a:buFont typeface="Wingdings" pitchFamily="2" charset="2"/>
              <a:buChar char="§"/>
            </a:pPr>
            <a:r>
              <a:rPr lang="en-US" sz="1400" b="1" dirty="0"/>
              <a:t>But large, open-source, labelled data sets are available…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44475578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60114B-DDB5-4B4A-B6B5-3000C03D9B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ample: Open Source Image Data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F648E85-7FDB-D740-8318-84FC5F495F94}"/>
              </a:ext>
            </a:extLst>
          </p:cNvPr>
          <p:cNvSpPr/>
          <p:nvPr/>
        </p:nvSpPr>
        <p:spPr>
          <a:xfrm>
            <a:off x="615464" y="4732338"/>
            <a:ext cx="2061202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US" sz="600" dirty="0">
                <a:hlinkClick r:id="rId2"/>
              </a:rPr>
              <a:t>https://zbigatron.com/the-top-image-datasets/</a:t>
            </a:r>
            <a:endParaRPr lang="en-US" sz="600" dirty="0"/>
          </a:p>
          <a:p>
            <a:endParaRPr lang="en-US" sz="60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E69414BC-3D47-AA47-B0B1-8AAA425A5E6E}"/>
              </a:ext>
            </a:extLst>
          </p:cNvPr>
          <p:cNvSpPr/>
          <p:nvPr/>
        </p:nvSpPr>
        <p:spPr>
          <a:xfrm>
            <a:off x="611560" y="1131590"/>
            <a:ext cx="2275027" cy="276999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>
              <a:spcAft>
                <a:spcPts val="800"/>
              </a:spcAft>
            </a:pPr>
            <a:r>
              <a:rPr lang="en-US" sz="1200" b="1" dirty="0"/>
              <a:t>ImageNet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BE85EF8-97BF-7D41-BF2B-5612AF4B0EA7}"/>
              </a:ext>
            </a:extLst>
          </p:cNvPr>
          <p:cNvSpPr/>
          <p:nvPr/>
        </p:nvSpPr>
        <p:spPr>
          <a:xfrm>
            <a:off x="3434487" y="1131590"/>
            <a:ext cx="2275027" cy="276999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>
              <a:spcAft>
                <a:spcPts val="800"/>
              </a:spcAft>
            </a:pPr>
            <a:r>
              <a:rPr lang="en-US" sz="1200" b="1" dirty="0"/>
              <a:t>Coco Dataset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3C7AFC81-A164-2E4B-B527-4037598B50BA}"/>
              </a:ext>
            </a:extLst>
          </p:cNvPr>
          <p:cNvSpPr/>
          <p:nvPr/>
        </p:nvSpPr>
        <p:spPr>
          <a:xfrm>
            <a:off x="6257413" y="1131590"/>
            <a:ext cx="2275027" cy="276999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>
              <a:spcAft>
                <a:spcPts val="800"/>
              </a:spcAft>
            </a:pPr>
            <a:r>
              <a:rPr lang="en-US" sz="1200" b="1" dirty="0"/>
              <a:t>Open Images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5E13E536-5600-C643-A70E-3402062B640D}"/>
              </a:ext>
            </a:extLst>
          </p:cNvPr>
          <p:cNvSpPr/>
          <p:nvPr/>
        </p:nvSpPr>
        <p:spPr>
          <a:xfrm>
            <a:off x="611188" y="1483107"/>
            <a:ext cx="2275027" cy="16927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200" dirty="0"/>
              <a:t>Biggest and best known, out of Stanford</a:t>
            </a:r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200" b="1" dirty="0"/>
              <a:t>14M labelled images</a:t>
            </a:r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200" dirty="0"/>
              <a:t>1 Million images with bounding box notations</a:t>
            </a:r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200" dirty="0"/>
              <a:t>22k image categories, arranged by hierarchy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A670590-DDB1-274E-8C22-870471011BB7}"/>
              </a:ext>
            </a:extLst>
          </p:cNvPr>
          <p:cNvSpPr/>
          <p:nvPr/>
        </p:nvSpPr>
        <p:spPr>
          <a:xfrm>
            <a:off x="3434486" y="1483106"/>
            <a:ext cx="2275027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US" sz="1200" b="1" dirty="0"/>
              <a:t>Co</a:t>
            </a:r>
            <a:r>
              <a:rPr lang="en-US" sz="1200" dirty="0"/>
              <a:t>mmon </a:t>
            </a:r>
            <a:r>
              <a:rPr lang="en-US" sz="1200" b="1" dirty="0"/>
              <a:t>O</a:t>
            </a:r>
            <a:r>
              <a:rPr lang="en-US" sz="1200" dirty="0"/>
              <a:t>bjects in </a:t>
            </a:r>
            <a:r>
              <a:rPr lang="en-US" sz="1200" b="1" dirty="0"/>
              <a:t>Co</a:t>
            </a:r>
            <a:r>
              <a:rPr lang="en-US" sz="1200" dirty="0"/>
              <a:t>ntext: backed by Microsoft and Facebook</a:t>
            </a:r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GB" sz="1200" dirty="0"/>
              <a:t>A large-scale object detection, segmentation, and captioning dataset</a:t>
            </a:r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GB" sz="1200" b="1" dirty="0"/>
              <a:t>~200k labelled images</a:t>
            </a:r>
            <a:endParaRPr lang="en-US" sz="1200" b="1" dirty="0"/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endParaRPr lang="en-US" sz="1200" b="1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22173789-C6E5-8941-9BE0-FD73370B5A9A}"/>
              </a:ext>
            </a:extLst>
          </p:cNvPr>
          <p:cNvSpPr/>
          <p:nvPr/>
        </p:nvSpPr>
        <p:spPr>
          <a:xfrm>
            <a:off x="6252585" y="1483105"/>
            <a:ext cx="2275027" cy="14260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GB" sz="1200" dirty="0"/>
              <a:t>Released by Google</a:t>
            </a:r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GB" sz="1200" b="1" dirty="0"/>
              <a:t>~9M labelled images </a:t>
            </a:r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GB" sz="1200" dirty="0"/>
              <a:t>object bounding boxes </a:t>
            </a:r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GB" sz="1200" dirty="0"/>
              <a:t>object segmentation </a:t>
            </a:r>
          </a:p>
          <a:p>
            <a:pPr marL="171450" indent="-171450">
              <a:spcAft>
                <a:spcPts val="800"/>
              </a:spcAft>
              <a:buFont typeface="Wingdings" pitchFamily="2" charset="2"/>
              <a:buChar char="§"/>
            </a:pPr>
            <a:r>
              <a:rPr lang="en-GB" sz="1200" dirty="0"/>
              <a:t>visual relationships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07100BB-21BF-F641-93F3-850893EC9D4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5460" t="8817" r="59228" b="9521"/>
          <a:stretch/>
        </p:blipFill>
        <p:spPr>
          <a:xfrm>
            <a:off x="2627784" y="1173593"/>
            <a:ext cx="157397" cy="179882"/>
          </a:xfrm>
          <a:prstGeom prst="rect">
            <a:avLst/>
          </a:prstGeom>
        </p:spPr>
      </p:pic>
      <p:pic>
        <p:nvPicPr>
          <p:cNvPr id="11" name="Picture 4">
            <a:extLst>
              <a:ext uri="{FF2B5EF4-FFF2-40B4-BE49-F238E27FC236}">
                <a16:creationId xmlns:a16="http://schemas.microsoft.com/office/drawing/2014/main" id="{F11E6666-29E6-B747-B051-4D551C31933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077" t="4692" r="15866" b="6404"/>
          <a:stretch/>
        </p:blipFill>
        <p:spPr bwMode="auto">
          <a:xfrm>
            <a:off x="605567" y="2931626"/>
            <a:ext cx="2327157" cy="16502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874D9BB-64B1-A947-A4BA-118549E6C01A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29900"/>
          <a:stretch/>
        </p:blipFill>
        <p:spPr>
          <a:xfrm>
            <a:off x="6314958" y="3213744"/>
            <a:ext cx="2212653" cy="1385501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A3C9E33E-16E7-5A4C-88C1-9922FF32A81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233829" y="1165273"/>
            <a:ext cx="226603" cy="209172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4A53CFFC-A896-6E4B-BC32-DC34899C497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436096" y="1178118"/>
            <a:ext cx="204138" cy="17983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DCD3017D-7F48-3F48-83D0-A6AEF0CE2FB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424735" y="3430528"/>
            <a:ext cx="2210947" cy="10793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02064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EC07C5-7942-9C4E-AF10-49BAE4A402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rt A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F3C1EE7-2607-6C43-B2A9-C60E86DFCB27}"/>
              </a:ext>
            </a:extLst>
          </p:cNvPr>
          <p:cNvSpPr txBox="1"/>
          <p:nvPr/>
        </p:nvSpPr>
        <p:spPr>
          <a:xfrm>
            <a:off x="611189" y="2211710"/>
            <a:ext cx="7777162" cy="720403"/>
          </a:xfrm>
          <a:prstGeom prst="rect">
            <a:avLst/>
          </a:prstGeom>
          <a:noFill/>
        </p:spPr>
        <p:txBody>
          <a:bodyPr wrap="square" rtlCol="0" anchor="b" anchorCtr="0">
            <a:noAutofit/>
          </a:bodyPr>
          <a:lstStyle/>
          <a:p>
            <a:pPr algn="ctr"/>
            <a:r>
              <a:rPr lang="en-US" sz="2000" b="1" dirty="0"/>
              <a:t>Machine Learning in the Context of</a:t>
            </a:r>
          </a:p>
          <a:p>
            <a:pPr algn="ctr"/>
            <a:r>
              <a:rPr lang="en-US" sz="2000" b="1" dirty="0"/>
              <a:t>Artificial Intelligence (AI)</a:t>
            </a:r>
          </a:p>
        </p:txBody>
      </p:sp>
    </p:spTree>
    <p:extLst>
      <p:ext uri="{BB962C8B-B14F-4D97-AF65-F5344CB8AC3E}">
        <p14:creationId xmlns:p14="http://schemas.microsoft.com/office/powerpoint/2010/main" val="209946117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0CC784-7678-034A-BE2F-F3BB4D4346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pen Source Algorithms Are Also Availabl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6B12B1E-8655-2747-A539-46DF684BDAE0}"/>
              </a:ext>
            </a:extLst>
          </p:cNvPr>
          <p:cNvSpPr txBox="1"/>
          <p:nvPr/>
        </p:nvSpPr>
        <p:spPr>
          <a:xfrm>
            <a:off x="611189" y="1552267"/>
            <a:ext cx="1845142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dirty="0">
                <a:solidFill>
                  <a:srgbClr val="D1026A"/>
                </a:solidFill>
              </a:rPr>
              <a:t>Google</a:t>
            </a:r>
            <a:r>
              <a:rPr lang="en-GB" sz="1200" dirty="0">
                <a:solidFill>
                  <a:srgbClr val="D1026A"/>
                </a:solidFill>
              </a:rPr>
              <a:t>’s</a:t>
            </a:r>
            <a:r>
              <a:rPr lang="en-GB" sz="1200" dirty="0"/>
              <a:t> TensorFlow is JavaScript-based and comes equipped with a wide range of tools and community resources that facilitate easy training and deploying Deep Learning</a:t>
            </a:r>
            <a:endParaRPr lang="en-US" sz="1200" dirty="0">
              <a:latin typeface="+mn-lt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D074BC1-2106-AB48-A487-F85D736DE705}"/>
              </a:ext>
            </a:extLst>
          </p:cNvPr>
          <p:cNvSpPr txBox="1"/>
          <p:nvPr/>
        </p:nvSpPr>
        <p:spPr>
          <a:xfrm>
            <a:off x="6683476" y="1202726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 err="1"/>
              <a:t>Keras</a:t>
            </a:r>
            <a:endParaRPr lang="en-US" sz="12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49C77A3-8C76-D544-A6EC-CCD0C3537493}"/>
              </a:ext>
            </a:extLst>
          </p:cNvPr>
          <p:cNvSpPr txBox="1"/>
          <p:nvPr/>
        </p:nvSpPr>
        <p:spPr>
          <a:xfrm>
            <a:off x="4660779" y="1203598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/>
              <a:t>Sonnet</a:t>
            </a:r>
            <a:endParaRPr lang="en-US" sz="12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530BBA3-142B-0C4A-BD34-6B2D5C7906CE}"/>
              </a:ext>
            </a:extLst>
          </p:cNvPr>
          <p:cNvSpPr txBox="1"/>
          <p:nvPr/>
        </p:nvSpPr>
        <p:spPr>
          <a:xfrm>
            <a:off x="2638081" y="1203598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 err="1"/>
              <a:t>Pytorch</a:t>
            </a:r>
            <a:endParaRPr lang="en-US" sz="12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4DE9355-D9EE-B243-902D-43FBC056BD3D}"/>
              </a:ext>
            </a:extLst>
          </p:cNvPr>
          <p:cNvSpPr txBox="1"/>
          <p:nvPr/>
        </p:nvSpPr>
        <p:spPr>
          <a:xfrm>
            <a:off x="615383" y="1203598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 err="1"/>
              <a:t>Tensorflow</a:t>
            </a:r>
            <a:endParaRPr lang="en-US" sz="120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C24CC3E-54A7-584B-AD82-BF23B37BC907}"/>
              </a:ext>
            </a:extLst>
          </p:cNvPr>
          <p:cNvSpPr txBox="1"/>
          <p:nvPr/>
        </p:nvSpPr>
        <p:spPr>
          <a:xfrm>
            <a:off x="2638081" y="1552266"/>
            <a:ext cx="1845142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dirty="0"/>
              <a:t>Open-source DL framework from </a:t>
            </a:r>
            <a:r>
              <a:rPr lang="en-GB" sz="1200" b="1" dirty="0">
                <a:solidFill>
                  <a:srgbClr val="D1026A"/>
                </a:solidFill>
              </a:rPr>
              <a:t>Facebook</a:t>
            </a:r>
            <a:r>
              <a:rPr lang="en-GB" sz="1200" dirty="0"/>
              <a:t>. Designed to speed process from prototyping to production. It has a C++ frontend atop a Python interface</a:t>
            </a:r>
            <a:endParaRPr lang="en-US" sz="1200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B4C02B8-CB18-8644-A92A-7FC5F3DF35C1}"/>
              </a:ext>
            </a:extLst>
          </p:cNvPr>
          <p:cNvSpPr txBox="1"/>
          <p:nvPr/>
        </p:nvSpPr>
        <p:spPr>
          <a:xfrm>
            <a:off x="4628078" y="1556087"/>
            <a:ext cx="1960146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dirty="0"/>
              <a:t>Developed by </a:t>
            </a:r>
            <a:r>
              <a:rPr lang="en-GB" sz="1200" b="1" dirty="0">
                <a:solidFill>
                  <a:srgbClr val="D1026A"/>
                </a:solidFill>
              </a:rPr>
              <a:t>DeepMind</a:t>
            </a:r>
            <a:r>
              <a:rPr lang="en-GB" sz="1200" dirty="0"/>
              <a:t>, Sonnet is a high-level library designed for building complex neural network structures in TensorFlow.</a:t>
            </a:r>
            <a:endParaRPr lang="en-US" sz="1200" dirty="0">
              <a:latin typeface="+mn-lt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FC6BBB8A-07D9-034F-A489-B500567F0C4F}"/>
              </a:ext>
            </a:extLst>
          </p:cNvPr>
          <p:cNvSpPr txBox="1"/>
          <p:nvPr/>
        </p:nvSpPr>
        <p:spPr>
          <a:xfrm>
            <a:off x="6683476" y="1534432"/>
            <a:ext cx="1849337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dirty="0" err="1">
                <a:solidFill>
                  <a:srgbClr val="D1026A"/>
                </a:solidFill>
              </a:rPr>
              <a:t>Keras</a:t>
            </a:r>
            <a:r>
              <a:rPr lang="en-GB" sz="1200" b="1" dirty="0">
                <a:solidFill>
                  <a:srgbClr val="D1026A"/>
                </a:solidFill>
              </a:rPr>
              <a:t> is fast </a:t>
            </a:r>
            <a:r>
              <a:rPr lang="en-GB" sz="1200" dirty="0"/>
              <a:t>and open source!. It can process massive volumes of data while accelerating the training time for models. Provides a Python interface to  the TensorFlow library.</a:t>
            </a:r>
            <a:endParaRPr lang="en-US" sz="1200" dirty="0">
              <a:latin typeface="+mn-lt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EECA351-7563-314F-8D3D-383A99125848}"/>
              </a:ext>
            </a:extLst>
          </p:cNvPr>
          <p:cNvSpPr/>
          <p:nvPr/>
        </p:nvSpPr>
        <p:spPr>
          <a:xfrm>
            <a:off x="611188" y="4732338"/>
            <a:ext cx="2880692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US" sz="600" dirty="0">
                <a:hlinkClick r:id="rId2"/>
              </a:rPr>
              <a:t>https://www.upgrad.com/blog/top-deep-learning-frameworks/</a:t>
            </a:r>
            <a:endParaRPr lang="en-US" sz="600" dirty="0"/>
          </a:p>
          <a:p>
            <a:endParaRPr lang="en-US" sz="600" dirty="0"/>
          </a:p>
        </p:txBody>
      </p:sp>
      <p:pic>
        <p:nvPicPr>
          <p:cNvPr id="12" name="Picture 2" descr="TensorFlow">
            <a:extLst>
              <a:ext uri="{FF2B5EF4-FFF2-40B4-BE49-F238E27FC236}">
                <a16:creationId xmlns:a16="http://schemas.microsoft.com/office/drawing/2014/main" id="{453E9DA7-B510-EE4B-B4DA-95BB4D8C54A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288" t="19201" r="18500" b="18213"/>
          <a:stretch/>
        </p:blipFill>
        <p:spPr bwMode="auto">
          <a:xfrm>
            <a:off x="755576" y="3507854"/>
            <a:ext cx="1296145" cy="733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4">
            <a:extLst>
              <a:ext uri="{FF2B5EF4-FFF2-40B4-BE49-F238E27FC236}">
                <a16:creationId xmlns:a16="http://schemas.microsoft.com/office/drawing/2014/main" id="{34E6FE90-C9DF-FE49-AE5F-71FA790F5D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56331" y="3908645"/>
            <a:ext cx="1845141" cy="3690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6" descr="GitHub - deepmind/sonnet: TensorFlow-based neural network library">
            <a:extLst>
              <a:ext uri="{FF2B5EF4-FFF2-40B4-BE49-F238E27FC236}">
                <a16:creationId xmlns:a16="http://schemas.microsoft.com/office/drawing/2014/main" id="{46255F03-F890-F24F-A3B6-4B6CD460F1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06082" y="3736089"/>
            <a:ext cx="1747059" cy="582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E38C20E7-3BA3-5F4C-8245-606E1514EC43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b="28616"/>
          <a:stretch/>
        </p:blipFill>
        <p:spPr>
          <a:xfrm>
            <a:off x="6725094" y="3754102"/>
            <a:ext cx="1651126" cy="523572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C845B9A4-384D-064D-A014-18278A11C1BE}"/>
              </a:ext>
            </a:extLst>
          </p:cNvPr>
          <p:cNvSpPr txBox="1"/>
          <p:nvPr/>
        </p:nvSpPr>
        <p:spPr>
          <a:xfrm>
            <a:off x="611187" y="4454991"/>
            <a:ext cx="7921625" cy="276999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pPr algn="ctr"/>
            <a:r>
              <a:rPr lang="en-US" sz="1000" b="1" dirty="0">
                <a:solidFill>
                  <a:schemeClr val="bg1"/>
                </a:solidFill>
              </a:rPr>
              <a:t>There are many more frameworks. It’s worth to check around depending on the needs of your project.</a:t>
            </a:r>
          </a:p>
        </p:txBody>
      </p:sp>
    </p:spTree>
    <p:extLst>
      <p:ext uri="{BB962C8B-B14F-4D97-AF65-F5344CB8AC3E}">
        <p14:creationId xmlns:p14="http://schemas.microsoft.com/office/powerpoint/2010/main" val="2260029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CFC05A-5BA7-DF45-A8C9-31C1B0F491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ep Learning is Hungry for Computation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587E0B4-3F44-894C-9367-194F17E122B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185" b="9288"/>
          <a:stretch/>
        </p:blipFill>
        <p:spPr bwMode="auto">
          <a:xfrm>
            <a:off x="1194304" y="1130098"/>
            <a:ext cx="6755391" cy="32657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295A7D44-FF0E-DC47-AF4A-B7A1DFFEC2C4}"/>
              </a:ext>
            </a:extLst>
          </p:cNvPr>
          <p:cNvSpPr/>
          <p:nvPr/>
        </p:nvSpPr>
        <p:spPr>
          <a:xfrm>
            <a:off x="611188" y="4737382"/>
            <a:ext cx="5814392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US" sz="600" dirty="0">
                <a:hlinkClick r:id="rId3"/>
              </a:rPr>
              <a:t>https://www.economist.com/technology-quarterly/2020/06/11/the-cost-of-training-machines-is-becoming-a-problem</a:t>
            </a:r>
            <a:endParaRPr lang="en-US" sz="600" dirty="0"/>
          </a:p>
          <a:p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187285555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CFC05A-5BA7-DF45-A8C9-31C1B0F491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uckily we have Moore’s Law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5F6CE59-0A7C-524C-BD4A-E5541484B44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9072" b="5404"/>
          <a:stretch/>
        </p:blipFill>
        <p:spPr>
          <a:xfrm>
            <a:off x="632886" y="1131888"/>
            <a:ext cx="5670280" cy="3582155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20BBD3F1-1046-4440-A1C1-7D359B787078}"/>
              </a:ext>
            </a:extLst>
          </p:cNvPr>
          <p:cNvSpPr/>
          <p:nvPr/>
        </p:nvSpPr>
        <p:spPr>
          <a:xfrm>
            <a:off x="588489" y="4732338"/>
            <a:ext cx="1980029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US" sz="600" dirty="0">
                <a:hlinkClick r:id="rId3"/>
              </a:rPr>
              <a:t>https://en.wikipedia.org/wiki/Moore%27s_law</a:t>
            </a:r>
            <a:endParaRPr lang="en-US" sz="600" dirty="0"/>
          </a:p>
          <a:p>
            <a:endParaRPr lang="en-US" sz="600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506EC87E-908E-A142-A2DF-5C44F9AE0ECE}"/>
              </a:ext>
            </a:extLst>
          </p:cNvPr>
          <p:cNvSpPr/>
          <p:nvPr/>
        </p:nvSpPr>
        <p:spPr>
          <a:xfrm>
            <a:off x="6660231" y="1131888"/>
            <a:ext cx="1872582" cy="184368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/>
              <a:t>Moore's law is the observation that the number of transistors in a dense integrated circuit (IC) doubles about every two years.</a:t>
            </a:r>
          </a:p>
        </p:txBody>
      </p:sp>
    </p:spTree>
    <p:extLst>
      <p:ext uri="{BB962C8B-B14F-4D97-AF65-F5344CB8AC3E}">
        <p14:creationId xmlns:p14="http://schemas.microsoft.com/office/powerpoint/2010/main" val="317840969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637EC2-3E47-C343-A6D8-239282F604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arious Options for Hardware Acceleration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64756B0-90C9-A14B-9D30-6F51565E74E1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612" t="33682" r="1999" b="40917"/>
          <a:stretch/>
        </p:blipFill>
        <p:spPr>
          <a:xfrm>
            <a:off x="827584" y="2427734"/>
            <a:ext cx="7139165" cy="864096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CACF012D-F7DF-FF4B-83FD-A54952630017}"/>
              </a:ext>
            </a:extLst>
          </p:cNvPr>
          <p:cNvSpPr txBox="1"/>
          <p:nvPr/>
        </p:nvSpPr>
        <p:spPr>
          <a:xfrm>
            <a:off x="611189" y="1552267"/>
            <a:ext cx="1845142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+mn-lt"/>
              </a:rPr>
              <a:t>A </a:t>
            </a:r>
            <a:r>
              <a:rPr lang="en-US" sz="1200" dirty="0">
                <a:solidFill>
                  <a:srgbClr val="D1026A"/>
                </a:solidFill>
                <a:latin typeface="+mn-lt"/>
              </a:rPr>
              <a:t>Central Processing Unit </a:t>
            </a:r>
            <a:r>
              <a:rPr lang="en-US" sz="1200" dirty="0">
                <a:latin typeface="+mn-lt"/>
              </a:rPr>
              <a:t>is what you will find in your laptop or PC. General purpose, not so efficient.</a:t>
            </a: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r>
              <a:rPr lang="en-US" sz="1200" b="1" dirty="0">
                <a:latin typeface="+mn-lt"/>
              </a:rPr>
              <a:t>E.g. </a:t>
            </a:r>
            <a:r>
              <a:rPr lang="en-US" sz="1200" dirty="0">
                <a:latin typeface="+mn-lt"/>
              </a:rPr>
              <a:t>Intel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75EDEB3-0CF7-C142-BD0E-3B9394C7F3A4}"/>
              </a:ext>
            </a:extLst>
          </p:cNvPr>
          <p:cNvSpPr txBox="1"/>
          <p:nvPr/>
        </p:nvSpPr>
        <p:spPr>
          <a:xfrm>
            <a:off x="6683476" y="1202726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/>
              <a:t>ASIC</a:t>
            </a:r>
            <a:endParaRPr lang="en-US" sz="12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B6EFF7D-BCF3-8C42-9410-D4622330CF05}"/>
              </a:ext>
            </a:extLst>
          </p:cNvPr>
          <p:cNvSpPr txBox="1"/>
          <p:nvPr/>
        </p:nvSpPr>
        <p:spPr>
          <a:xfrm>
            <a:off x="4660779" y="1203598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/>
              <a:t>FPGA</a:t>
            </a:r>
            <a:endParaRPr lang="en-US" sz="12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D8F89CB-3141-2D41-B026-1CF6D0DC9923}"/>
              </a:ext>
            </a:extLst>
          </p:cNvPr>
          <p:cNvSpPr txBox="1"/>
          <p:nvPr/>
        </p:nvSpPr>
        <p:spPr>
          <a:xfrm>
            <a:off x="2638081" y="1203598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/>
              <a:t>GPU</a:t>
            </a:r>
            <a:endParaRPr lang="en-US" sz="120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2E76E3C-68B2-064C-BF26-8B86FAE3990E}"/>
              </a:ext>
            </a:extLst>
          </p:cNvPr>
          <p:cNvSpPr txBox="1"/>
          <p:nvPr/>
        </p:nvSpPr>
        <p:spPr>
          <a:xfrm>
            <a:off x="615383" y="1203598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/>
              <a:t>CPU</a:t>
            </a:r>
            <a:endParaRPr lang="en-US" sz="1200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17DE2AB-AC71-844E-8254-9B1C15123D48}"/>
              </a:ext>
            </a:extLst>
          </p:cNvPr>
          <p:cNvSpPr txBox="1"/>
          <p:nvPr/>
        </p:nvSpPr>
        <p:spPr>
          <a:xfrm>
            <a:off x="2638081" y="1552266"/>
            <a:ext cx="1845142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solidFill>
                  <a:srgbClr val="D1026A"/>
                </a:solidFill>
                <a:latin typeface="+mn-lt"/>
              </a:rPr>
              <a:t>Graphics Processing Unit</a:t>
            </a:r>
            <a:r>
              <a:rPr lang="en-US" sz="1200" dirty="0">
                <a:latin typeface="+mn-lt"/>
              </a:rPr>
              <a:t>, well suited for tensor calculations found in neural nets. Widely used.</a:t>
            </a: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endParaRPr lang="en-US" sz="1200" b="1" dirty="0">
              <a:solidFill>
                <a:srgbClr val="D1026A"/>
              </a:solidFill>
              <a:latin typeface="+mn-lt"/>
            </a:endParaRPr>
          </a:p>
          <a:p>
            <a:r>
              <a:rPr lang="en-US" sz="1200" b="1" dirty="0"/>
              <a:t>E.g. </a:t>
            </a:r>
            <a:r>
              <a:rPr lang="en-US" sz="1200" dirty="0"/>
              <a:t>NVidia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F4FDA57-B207-DD43-BF28-757CFF81CE93}"/>
              </a:ext>
            </a:extLst>
          </p:cNvPr>
          <p:cNvSpPr txBox="1"/>
          <p:nvPr/>
        </p:nvSpPr>
        <p:spPr>
          <a:xfrm>
            <a:off x="4628078" y="1556087"/>
            <a:ext cx="1960146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solidFill>
                  <a:srgbClr val="D1026A"/>
                </a:solidFill>
                <a:latin typeface="+mn-lt"/>
              </a:rPr>
              <a:t>Field programmable gate array</a:t>
            </a:r>
            <a:r>
              <a:rPr lang="en-US" sz="1200" dirty="0">
                <a:latin typeface="+mn-lt"/>
              </a:rPr>
              <a:t>. Expensive to program, but lightning fast! Worth it for some applications.</a:t>
            </a:r>
          </a:p>
          <a:p>
            <a:endParaRPr lang="en-US" sz="1200" dirty="0">
              <a:latin typeface="+mn-lt"/>
            </a:endParaRPr>
          </a:p>
          <a:p>
            <a:endParaRPr lang="en-US" sz="1200" dirty="0">
              <a:latin typeface="+mn-lt"/>
            </a:endParaRPr>
          </a:p>
          <a:p>
            <a:endParaRPr lang="en-US" sz="1200" dirty="0">
              <a:latin typeface="+mn-lt"/>
            </a:endParaRPr>
          </a:p>
          <a:p>
            <a:endParaRPr lang="en-US" sz="1200" dirty="0">
              <a:latin typeface="+mn-lt"/>
            </a:endParaRPr>
          </a:p>
          <a:p>
            <a:endParaRPr lang="en-US" sz="1200" dirty="0">
              <a:latin typeface="+mn-lt"/>
            </a:endParaRPr>
          </a:p>
          <a:p>
            <a:r>
              <a:rPr lang="en-US" sz="1200" b="1" dirty="0"/>
              <a:t>E.g. </a:t>
            </a:r>
            <a:r>
              <a:rPr lang="en-US" sz="1200" dirty="0">
                <a:latin typeface="+mn-lt"/>
              </a:rPr>
              <a:t>Xilinx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D3ED892-B1E6-314A-BBB7-BB4564C081CA}"/>
              </a:ext>
            </a:extLst>
          </p:cNvPr>
          <p:cNvSpPr txBox="1"/>
          <p:nvPr/>
        </p:nvSpPr>
        <p:spPr>
          <a:xfrm>
            <a:off x="6683476" y="1534432"/>
            <a:ext cx="1849337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solidFill>
                  <a:srgbClr val="D1026A"/>
                </a:solidFill>
                <a:latin typeface="+mn-lt"/>
              </a:rPr>
              <a:t>Application specific integrated circuit</a:t>
            </a:r>
            <a:r>
              <a:rPr lang="en-US" sz="1200" dirty="0">
                <a:latin typeface="+mn-lt"/>
              </a:rPr>
              <a:t>. Dedicated silicon. Can’t be beaten for speed. Very costly!</a:t>
            </a:r>
          </a:p>
          <a:p>
            <a:endParaRPr lang="en-US" sz="1200" dirty="0">
              <a:latin typeface="+mn-lt"/>
            </a:endParaRPr>
          </a:p>
          <a:p>
            <a:endParaRPr lang="en-US" sz="1200" dirty="0">
              <a:latin typeface="+mn-lt"/>
            </a:endParaRPr>
          </a:p>
          <a:p>
            <a:endParaRPr lang="en-US" sz="1200" dirty="0">
              <a:latin typeface="+mn-lt"/>
            </a:endParaRPr>
          </a:p>
          <a:p>
            <a:endParaRPr lang="en-US" sz="1200" dirty="0">
              <a:latin typeface="+mn-lt"/>
            </a:endParaRPr>
          </a:p>
          <a:p>
            <a:endParaRPr lang="en-US" sz="1200" dirty="0">
              <a:latin typeface="+mn-lt"/>
            </a:endParaRPr>
          </a:p>
          <a:p>
            <a:r>
              <a:rPr lang="en-US" sz="1200" b="1" dirty="0"/>
              <a:t>E.g. </a:t>
            </a:r>
            <a:r>
              <a:rPr lang="en-US" sz="1200" dirty="0">
                <a:latin typeface="+mn-lt"/>
              </a:rPr>
              <a:t>Google TPU</a:t>
            </a:r>
          </a:p>
        </p:txBody>
      </p:sp>
      <p:sp>
        <p:nvSpPr>
          <p:cNvPr id="12" name="Right Arrow 11">
            <a:extLst>
              <a:ext uri="{FF2B5EF4-FFF2-40B4-BE49-F238E27FC236}">
                <a16:creationId xmlns:a16="http://schemas.microsoft.com/office/drawing/2014/main" id="{FB402865-059F-C941-8897-B4E1D76D5FEE}"/>
              </a:ext>
            </a:extLst>
          </p:cNvPr>
          <p:cNvSpPr/>
          <p:nvPr/>
        </p:nvSpPr>
        <p:spPr>
          <a:xfrm>
            <a:off x="1367644" y="3729026"/>
            <a:ext cx="6408712" cy="432048"/>
          </a:xfrm>
          <a:prstGeom prst="rightArrow">
            <a:avLst/>
          </a:prstGeom>
          <a:solidFill>
            <a:schemeClr val="tx2"/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bg1"/>
                </a:solidFill>
                <a:latin typeface="Verdana" pitchFamily="34" charset="0"/>
              </a:rPr>
              <a:t>Development Time</a:t>
            </a:r>
          </a:p>
        </p:txBody>
      </p:sp>
      <p:sp>
        <p:nvSpPr>
          <p:cNvPr id="13" name="Left Arrow 12">
            <a:extLst>
              <a:ext uri="{FF2B5EF4-FFF2-40B4-BE49-F238E27FC236}">
                <a16:creationId xmlns:a16="http://schemas.microsoft.com/office/drawing/2014/main" id="{DF3B7143-C225-174C-B6A1-AB35E53D7780}"/>
              </a:ext>
            </a:extLst>
          </p:cNvPr>
          <p:cNvSpPr/>
          <p:nvPr/>
        </p:nvSpPr>
        <p:spPr>
          <a:xfrm>
            <a:off x="1367644" y="4227934"/>
            <a:ext cx="6408712" cy="432048"/>
          </a:xfrm>
          <a:prstGeom prst="leftArrow">
            <a:avLst/>
          </a:prstGeom>
          <a:solidFill>
            <a:schemeClr val="tx2"/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bg1"/>
                </a:solidFill>
                <a:latin typeface="Verdana" pitchFamily="34" charset="0"/>
              </a:rPr>
              <a:t>Execution Tim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8F4F943C-D186-C244-8458-3103DEB8BC2A}"/>
              </a:ext>
            </a:extLst>
          </p:cNvPr>
          <p:cNvSpPr txBox="1"/>
          <p:nvPr/>
        </p:nvSpPr>
        <p:spPr>
          <a:xfrm>
            <a:off x="6300192" y="3832180"/>
            <a:ext cx="1215397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800" i="1" dirty="0">
                <a:solidFill>
                  <a:schemeClr val="bg1"/>
                </a:solidFill>
              </a:rPr>
              <a:t>Long and expensiv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50338FC-564B-F04F-874E-10E4770FC267}"/>
              </a:ext>
            </a:extLst>
          </p:cNvPr>
          <p:cNvSpPr txBox="1"/>
          <p:nvPr/>
        </p:nvSpPr>
        <p:spPr>
          <a:xfrm>
            <a:off x="1585511" y="3832180"/>
            <a:ext cx="104227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i="1" dirty="0">
                <a:solidFill>
                  <a:schemeClr val="bg1"/>
                </a:solidFill>
              </a:rPr>
              <a:t>Quick and cheap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3BAAF2C-BB3D-E74F-92C6-33B1AE95B261}"/>
              </a:ext>
            </a:extLst>
          </p:cNvPr>
          <p:cNvSpPr txBox="1"/>
          <p:nvPr/>
        </p:nvSpPr>
        <p:spPr>
          <a:xfrm>
            <a:off x="1619672" y="4332123"/>
            <a:ext cx="1425390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i="1" dirty="0">
                <a:solidFill>
                  <a:schemeClr val="bg1"/>
                </a:solidFill>
              </a:rPr>
              <a:t>Long! Runs more slowly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49C3C77A-A639-EA4E-84D0-03A45FA75758}"/>
              </a:ext>
            </a:extLst>
          </p:cNvPr>
          <p:cNvSpPr txBox="1"/>
          <p:nvPr/>
        </p:nvSpPr>
        <p:spPr>
          <a:xfrm>
            <a:off x="6224851" y="4349988"/>
            <a:ext cx="1290738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800" i="1" dirty="0">
                <a:solidFill>
                  <a:schemeClr val="bg1"/>
                </a:solidFill>
              </a:rPr>
              <a:t>Short! Runs very fast</a:t>
            </a:r>
          </a:p>
        </p:txBody>
      </p:sp>
    </p:spTree>
    <p:extLst>
      <p:ext uri="{BB962C8B-B14F-4D97-AF65-F5344CB8AC3E}">
        <p14:creationId xmlns:p14="http://schemas.microsoft.com/office/powerpoint/2010/main" val="314807956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DD29F9-71D8-654E-9B75-D9E04FE6D5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aphics Processing Units (GPU’s)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23BDBB7-AD4F-7646-81D2-A178D773E5C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187" y="1131888"/>
            <a:ext cx="7921625" cy="2586140"/>
          </a:xfrm>
          <a:prstGeom prst="rect">
            <a:avLst/>
          </a:prstGeom>
        </p:spPr>
      </p:pic>
      <p:pic>
        <p:nvPicPr>
          <p:cNvPr id="4" name="Picture 2" descr="Intel Core i7-7700K - 4.20 GHz Quad-Core (CM8067702868535) Processor for  sale online | eBay">
            <a:extLst>
              <a:ext uri="{FF2B5EF4-FFF2-40B4-BE49-F238E27FC236}">
                <a16:creationId xmlns:a16="http://schemas.microsoft.com/office/drawing/2014/main" id="{190FFA8C-178A-274C-BB90-493FE140E3E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35696" y="3494611"/>
            <a:ext cx="926535" cy="10495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8" descr="Launch-Analyse nVidia GeForce RTX 2080 &amp; 2080 Ti | 3DCenter.org">
            <a:extLst>
              <a:ext uri="{FF2B5EF4-FFF2-40B4-BE49-F238E27FC236}">
                <a16:creationId xmlns:a16="http://schemas.microsoft.com/office/drawing/2014/main" id="{FFAB9C9C-9BEB-E84B-AC77-9BC551A59E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1999" y="3494611"/>
            <a:ext cx="1638345" cy="10495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8658213B-6614-6546-B0D4-8140F035B18E}"/>
              </a:ext>
            </a:extLst>
          </p:cNvPr>
          <p:cNvSpPr/>
          <p:nvPr/>
        </p:nvSpPr>
        <p:spPr>
          <a:xfrm>
            <a:off x="611188" y="4732338"/>
            <a:ext cx="1750800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US" sz="600" dirty="0">
                <a:hlinkClick r:id="rId5"/>
              </a:rPr>
              <a:t>http://vision.stanford.edu/teaching.html</a:t>
            </a:r>
            <a:endParaRPr lang="en-US" sz="600" dirty="0"/>
          </a:p>
          <a:p>
            <a:endParaRPr lang="en-US" sz="6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8E64215-CAC9-6747-A9AB-66159F54F252}"/>
              </a:ext>
            </a:extLst>
          </p:cNvPr>
          <p:cNvSpPr/>
          <p:nvPr/>
        </p:nvSpPr>
        <p:spPr>
          <a:xfrm>
            <a:off x="3712510" y="3865504"/>
            <a:ext cx="514885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400" b="1" dirty="0"/>
              <a:t>VS.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229381773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6A1E66-F62D-7943-A7D9-13F1AAECAE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cessing Power Available in the Cloud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AD70F1F-500F-B743-ACF4-5E2C75C0B330}"/>
              </a:ext>
            </a:extLst>
          </p:cNvPr>
          <p:cNvSpPr txBox="1"/>
          <p:nvPr/>
        </p:nvSpPr>
        <p:spPr>
          <a:xfrm>
            <a:off x="611189" y="1552267"/>
            <a:ext cx="1845142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rgbClr val="D1026A"/>
                </a:solidFill>
                <a:latin typeface="+mn-lt"/>
              </a:rPr>
              <a:t>Google</a:t>
            </a:r>
            <a:r>
              <a:rPr lang="en-US" sz="1200" dirty="0">
                <a:latin typeface="+mn-lt"/>
              </a:rPr>
              <a:t> </a:t>
            </a:r>
            <a:r>
              <a:rPr lang="en-US" sz="1200" dirty="0" err="1">
                <a:latin typeface="+mn-lt"/>
              </a:rPr>
              <a:t>Colab</a:t>
            </a:r>
            <a:r>
              <a:rPr lang="en-US" sz="1200" dirty="0">
                <a:latin typeface="+mn-lt"/>
              </a:rPr>
              <a:t> allows you to write and execute Python in your browser with</a:t>
            </a:r>
          </a:p>
          <a:p>
            <a:r>
              <a:rPr lang="en-US" sz="1200" dirty="0">
                <a:latin typeface="+mn-lt"/>
              </a:rPr>
              <a:t>zero configuration, free access to GPUs, and easy sharing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C44B19F6-DF1D-2B4F-B4F9-29005839A519}"/>
              </a:ext>
            </a:extLst>
          </p:cNvPr>
          <p:cNvSpPr txBox="1"/>
          <p:nvPr/>
        </p:nvSpPr>
        <p:spPr>
          <a:xfrm>
            <a:off x="6683476" y="1202726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/>
              <a:t>IBM Cloud</a:t>
            </a:r>
            <a:endParaRPr lang="en-US" sz="12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A432E49-4CA1-7541-B380-2EC6186A3D50}"/>
              </a:ext>
            </a:extLst>
          </p:cNvPr>
          <p:cNvSpPr txBox="1"/>
          <p:nvPr/>
        </p:nvSpPr>
        <p:spPr>
          <a:xfrm>
            <a:off x="4660779" y="1203598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/>
              <a:t>Azure</a:t>
            </a:r>
            <a:endParaRPr lang="en-US" sz="12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51D52FC-97E0-264A-AC1C-C69E7091D93E}"/>
              </a:ext>
            </a:extLst>
          </p:cNvPr>
          <p:cNvSpPr txBox="1"/>
          <p:nvPr/>
        </p:nvSpPr>
        <p:spPr>
          <a:xfrm>
            <a:off x="2638081" y="1203598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/>
              <a:t>AWS</a:t>
            </a:r>
            <a:endParaRPr lang="en-US" sz="12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C0C750F-54DB-2347-83C5-83DCF513BD06}"/>
              </a:ext>
            </a:extLst>
          </p:cNvPr>
          <p:cNvSpPr txBox="1"/>
          <p:nvPr/>
        </p:nvSpPr>
        <p:spPr>
          <a:xfrm>
            <a:off x="615383" y="1203598"/>
            <a:ext cx="1845141" cy="2380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r>
              <a:rPr lang="en-US" sz="1200" b="1" dirty="0" err="1"/>
              <a:t>Colab</a:t>
            </a:r>
            <a:endParaRPr lang="en-US" sz="120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7317121-2AF3-DC4A-BD58-DC19440DFADF}"/>
              </a:ext>
            </a:extLst>
          </p:cNvPr>
          <p:cNvSpPr txBox="1"/>
          <p:nvPr/>
        </p:nvSpPr>
        <p:spPr>
          <a:xfrm>
            <a:off x="4628078" y="1556087"/>
            <a:ext cx="1960146" cy="138499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+mn-lt"/>
              </a:rPr>
              <a:t>GPUs are now part of </a:t>
            </a:r>
            <a:r>
              <a:rPr lang="en-US" sz="1200" b="1" dirty="0">
                <a:solidFill>
                  <a:srgbClr val="D1026A"/>
                </a:solidFill>
                <a:latin typeface="+mn-lt"/>
              </a:rPr>
              <a:t>Microsoft</a:t>
            </a:r>
            <a:r>
              <a:rPr lang="en-US" sz="1200" dirty="0">
                <a:latin typeface="+mn-lt"/>
              </a:rPr>
              <a:t>'s cloud platform, </a:t>
            </a:r>
            <a:r>
              <a:rPr lang="en-GB" sz="1200" dirty="0"/>
              <a:t>ideal for the neural networks underpinning much of modern machine learning</a:t>
            </a:r>
            <a:endParaRPr lang="en-US" sz="1200" dirty="0">
              <a:latin typeface="+mn-lt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9C81CC8-CD31-F04E-94BA-4D4E068954BA}"/>
              </a:ext>
            </a:extLst>
          </p:cNvPr>
          <p:cNvSpPr txBox="1"/>
          <p:nvPr/>
        </p:nvSpPr>
        <p:spPr>
          <a:xfrm>
            <a:off x="1585511" y="3832180"/>
            <a:ext cx="104227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i="1" dirty="0">
                <a:solidFill>
                  <a:schemeClr val="bg1"/>
                </a:solidFill>
              </a:rPr>
              <a:t>Quick and cheap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45F0F087-5421-7143-AA35-FF4065D4CBD6}"/>
              </a:ext>
            </a:extLst>
          </p:cNvPr>
          <p:cNvSpPr txBox="1"/>
          <p:nvPr/>
        </p:nvSpPr>
        <p:spPr>
          <a:xfrm>
            <a:off x="1619672" y="4332123"/>
            <a:ext cx="1425390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i="1" dirty="0">
                <a:solidFill>
                  <a:schemeClr val="bg1"/>
                </a:solidFill>
              </a:rPr>
              <a:t>Long! Runs more slowly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1157968-301E-254C-A399-C35558EC39A1}"/>
              </a:ext>
            </a:extLst>
          </p:cNvPr>
          <p:cNvSpPr txBox="1"/>
          <p:nvPr/>
        </p:nvSpPr>
        <p:spPr>
          <a:xfrm>
            <a:off x="6224851" y="4349988"/>
            <a:ext cx="1290738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800" i="1" dirty="0">
                <a:solidFill>
                  <a:schemeClr val="bg1"/>
                </a:solidFill>
              </a:rPr>
              <a:t>Short! Runs very fast</a:t>
            </a:r>
          </a:p>
        </p:txBody>
      </p:sp>
      <p:pic>
        <p:nvPicPr>
          <p:cNvPr id="12" name="Picture 2" descr="What is Google Colab?. Introduction to Google Colab. | by Hrishikesh Mane |  Medium">
            <a:extLst>
              <a:ext uri="{FF2B5EF4-FFF2-40B4-BE49-F238E27FC236}">
                <a16:creationId xmlns:a16="http://schemas.microsoft.com/office/drawing/2014/main" id="{CF422B8E-EF8E-634F-9095-71DE016052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35" y="3122897"/>
            <a:ext cx="1354212" cy="6009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52EF559E-39F1-704D-A45B-941D41487430}"/>
              </a:ext>
            </a:extLst>
          </p:cNvPr>
          <p:cNvSpPr txBox="1"/>
          <p:nvPr/>
        </p:nvSpPr>
        <p:spPr>
          <a:xfrm>
            <a:off x="611187" y="4155925"/>
            <a:ext cx="7921625" cy="432049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pPr algn="ctr"/>
            <a:r>
              <a:rPr lang="en-US" sz="1000" b="1" dirty="0">
                <a:solidFill>
                  <a:schemeClr val="bg1"/>
                </a:solidFill>
              </a:rPr>
              <a:t>The international cloud computing landscape is highly dynamic and changing rapidly. </a:t>
            </a:r>
          </a:p>
          <a:p>
            <a:pPr algn="ctr"/>
            <a:r>
              <a:rPr lang="en-US" sz="1000" b="1" dirty="0">
                <a:solidFill>
                  <a:schemeClr val="bg1"/>
                </a:solidFill>
              </a:rPr>
              <a:t>Switzerland has its own national providers such as </a:t>
            </a:r>
            <a:r>
              <a:rPr lang="en-US" sz="1000" b="1" dirty="0" err="1">
                <a:solidFill>
                  <a:schemeClr val="bg1"/>
                </a:solidFill>
              </a:rPr>
              <a:t>Switch.ch</a:t>
            </a:r>
            <a:r>
              <a:rPr lang="en-US" sz="1000" b="1" dirty="0">
                <a:solidFill>
                  <a:schemeClr val="bg1"/>
                </a:solidFill>
              </a:rPr>
              <a:t> for universities</a:t>
            </a:r>
          </a:p>
        </p:txBody>
      </p:sp>
      <p:pic>
        <p:nvPicPr>
          <p:cNvPr id="14" name="Picture 4">
            <a:extLst>
              <a:ext uri="{FF2B5EF4-FFF2-40B4-BE49-F238E27FC236}">
                <a16:creationId xmlns:a16="http://schemas.microsoft.com/office/drawing/2014/main" id="{11B7D381-55DC-0149-A2BC-A632446DD7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99792" y="3128626"/>
            <a:ext cx="1422980" cy="5422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6" descr="Saisoft Inc. | MAZ-ML: Microsoft Azure Machine Learning | Saisoft Inc.">
            <a:extLst>
              <a:ext uri="{FF2B5EF4-FFF2-40B4-BE49-F238E27FC236}">
                <a16:creationId xmlns:a16="http://schemas.microsoft.com/office/drawing/2014/main" id="{83B3EA7E-B960-A042-8C0C-606A0F515A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530" t="29840" r="6618" b="30378"/>
          <a:stretch/>
        </p:blipFill>
        <p:spPr bwMode="auto">
          <a:xfrm>
            <a:off x="4788024" y="3194315"/>
            <a:ext cx="1578495" cy="5422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8" descr="IBM Cloud - Wikipedia">
            <a:extLst>
              <a:ext uri="{FF2B5EF4-FFF2-40B4-BE49-F238E27FC236}">
                <a16:creationId xmlns:a16="http://schemas.microsoft.com/office/drawing/2014/main" id="{4F9E256B-6553-FD42-BBD6-132909B01A3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04149" y="2924238"/>
            <a:ext cx="1426494" cy="10156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6E9DEED8-0937-0143-91CF-C2BA8CE1C284}"/>
              </a:ext>
            </a:extLst>
          </p:cNvPr>
          <p:cNvSpPr txBox="1"/>
          <p:nvPr/>
        </p:nvSpPr>
        <p:spPr>
          <a:xfrm>
            <a:off x="2638081" y="1552266"/>
            <a:ext cx="1845142" cy="138499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rgbClr val="D1026A"/>
                </a:solidFill>
                <a:latin typeface="+mn-lt"/>
              </a:rPr>
              <a:t>Amazon</a:t>
            </a:r>
            <a:r>
              <a:rPr lang="en-US" sz="1200" dirty="0">
                <a:latin typeface="+mn-lt"/>
              </a:rPr>
              <a:t> Web Services enables deep learning in the cloud at scale. You can quickly train custom AI models, with new algorithms.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4C01BA71-0083-8345-ABA3-05F5878B5F96}"/>
              </a:ext>
            </a:extLst>
          </p:cNvPr>
          <p:cNvSpPr txBox="1"/>
          <p:nvPr/>
        </p:nvSpPr>
        <p:spPr>
          <a:xfrm>
            <a:off x="6683476" y="1534432"/>
            <a:ext cx="1849337" cy="138499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GB" sz="1200" dirty="0"/>
              <a:t>IBM Cloud offers GPUs on bare metal and virtual servers. Design and deploy neural networks at scale within </a:t>
            </a:r>
            <a:r>
              <a:rPr lang="en-GB" sz="1200" b="1" dirty="0">
                <a:solidFill>
                  <a:srgbClr val="D1026A"/>
                </a:solidFill>
              </a:rPr>
              <a:t>IBM</a:t>
            </a:r>
            <a:r>
              <a:rPr lang="en-GB" sz="1200" dirty="0"/>
              <a:t> </a:t>
            </a:r>
            <a:r>
              <a:rPr lang="en-GB" sz="1200" b="1" dirty="0">
                <a:solidFill>
                  <a:srgbClr val="D1026A"/>
                </a:solidFill>
              </a:rPr>
              <a:t>Watson Studio</a:t>
            </a:r>
            <a:endParaRPr lang="en-US" sz="1200" b="1" dirty="0">
              <a:solidFill>
                <a:srgbClr val="D1026A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4235054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tertitel 1">
            <a:extLst>
              <a:ext uri="{FF2B5EF4-FFF2-40B4-BE49-F238E27FC236}">
                <a16:creationId xmlns:a16="http://schemas.microsoft.com/office/drawing/2014/main" id="{A95875CC-BD27-48C1-AE84-F7ECDE3C032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76238" y="2232279"/>
            <a:ext cx="3025640" cy="707480"/>
          </a:xfrm>
        </p:spPr>
        <p:txBody>
          <a:bodyPr/>
          <a:lstStyle/>
          <a:p>
            <a:r>
              <a:rPr lang="en-US" dirty="0"/>
              <a:t>Machine Learning Today: </a:t>
            </a:r>
          </a:p>
          <a:p>
            <a:r>
              <a:rPr lang="en-US" dirty="0"/>
              <a:t>Progress, State-of-the-Art &amp; Challenges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5C510FD6-55E2-4912-B1BA-2B65826DEA3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1800" dirty="0">
                <a:solidFill>
                  <a:schemeClr val="tx1"/>
                </a:solidFill>
              </a:rPr>
              <a:t>Part D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E995FDE-6A95-F932-4490-A4E19904161A}"/>
              </a:ext>
            </a:extLst>
          </p:cNvPr>
          <p:cNvSpPr txBox="1"/>
          <p:nvPr/>
        </p:nvSpPr>
        <p:spPr>
          <a:xfrm>
            <a:off x="4572000" y="4727455"/>
            <a:ext cx="457200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en-US" sz="600" dirty="0">
                <a:solidFill>
                  <a:schemeClr val="bg1"/>
                </a:solidFill>
              </a:rPr>
              <a:t>AI made this and it's NOT </a:t>
            </a:r>
            <a:r>
              <a:rPr lang="en-US" sz="600" dirty="0" err="1">
                <a:solidFill>
                  <a:schemeClr val="bg1"/>
                </a:solidFill>
              </a:rPr>
              <a:t>midjourney</a:t>
            </a:r>
            <a:endParaRPr lang="en-US" sz="600" dirty="0">
              <a:solidFill>
                <a:schemeClr val="bg1"/>
              </a:solidFill>
            </a:endParaRPr>
          </a:p>
          <a:p>
            <a:pPr algn="r"/>
            <a:r>
              <a:rPr lang="en-US" sz="600" dirty="0">
                <a:solidFill>
                  <a:schemeClr val="bg1"/>
                </a:solidFill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twitter.com/LinusEkenstam/status/1619480963196792833</a:t>
            </a:r>
            <a:endParaRPr lang="en-US" sz="600" dirty="0">
              <a:solidFill>
                <a:schemeClr val="bg1"/>
              </a:solidFill>
            </a:endParaRPr>
          </a:p>
          <a:p>
            <a:pPr algn="r"/>
            <a:endParaRPr lang="en-US" sz="600" dirty="0">
              <a:solidFill>
                <a:schemeClr val="bg1"/>
              </a:solidFill>
            </a:endParaRPr>
          </a:p>
          <a:p>
            <a:pPr algn="r"/>
            <a:endParaRPr lang="en-US" sz="600" dirty="0">
              <a:solidFill>
                <a:schemeClr val="bg1"/>
              </a:solidFill>
            </a:endParaRPr>
          </a:p>
        </p:txBody>
      </p:sp>
      <p:pic>
        <p:nvPicPr>
          <p:cNvPr id="9218" name="Picture 2" descr="editorial photo from Dwell, Midcentury modern house, on a cliff overlooking Los Angeles, morning sun, brilliant architecture, beautiful, exclusive, expensive, minimal lines, breathtaking, architecture photography --ar 3:2 --v 4">
            <a:extLst>
              <a:ext uri="{FF2B5EF4-FFF2-40B4-BE49-F238E27FC236}">
                <a16:creationId xmlns:a16="http://schemas.microsoft.com/office/drawing/2014/main" id="{C2E607D3-A111-B4EC-0958-1F79581F226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86" r="26658"/>
          <a:stretch/>
        </p:blipFill>
        <p:spPr bwMode="auto">
          <a:xfrm>
            <a:off x="4286774" y="0"/>
            <a:ext cx="4857226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07E7251C-B94E-6B2C-8F40-F228D7D76948}"/>
              </a:ext>
            </a:extLst>
          </p:cNvPr>
          <p:cNvSpPr txBox="1"/>
          <p:nvPr/>
        </p:nvSpPr>
        <p:spPr>
          <a:xfrm>
            <a:off x="4335607" y="4643511"/>
            <a:ext cx="45720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en-US" sz="600" dirty="0">
                <a:solidFill>
                  <a:schemeClr val="bg1"/>
                </a:solidFill>
              </a:rPr>
              <a:t>The aesthetics of </a:t>
            </a:r>
            <a:r>
              <a:rPr lang="en-US" sz="600" dirty="0" err="1">
                <a:solidFill>
                  <a:schemeClr val="bg1"/>
                </a:solidFill>
              </a:rPr>
              <a:t>Midjourney</a:t>
            </a:r>
            <a:r>
              <a:rPr lang="en-US" sz="600" dirty="0">
                <a:solidFill>
                  <a:schemeClr val="bg1"/>
                </a:solidFill>
              </a:rPr>
              <a:t> 5 #</a:t>
            </a:r>
            <a:r>
              <a:rPr lang="en-US" sz="600" dirty="0" err="1">
                <a:solidFill>
                  <a:schemeClr val="bg1"/>
                </a:solidFill>
              </a:rPr>
              <a:t>AIArt</a:t>
            </a:r>
            <a:endParaRPr lang="en-US" sz="600" dirty="0">
              <a:solidFill>
                <a:schemeClr val="bg1"/>
              </a:solidFill>
              <a:hlinkClick r:id="rId4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algn="r"/>
            <a:r>
              <a:rPr lang="en-US" sz="600" dirty="0">
                <a:solidFill>
                  <a:schemeClr val="bg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twitter.com/LinusEkenstam/status/1636127055711461377</a:t>
            </a:r>
            <a:endParaRPr lang="en-US" sz="600" dirty="0">
              <a:solidFill>
                <a:schemeClr val="bg1"/>
              </a:solidFill>
            </a:endParaRPr>
          </a:p>
        </p:txBody>
      </p:sp>
      <p:sp>
        <p:nvSpPr>
          <p:cNvPr id="7" name="Titel 2">
            <a:extLst>
              <a:ext uri="{FF2B5EF4-FFF2-40B4-BE49-F238E27FC236}">
                <a16:creationId xmlns:a16="http://schemas.microsoft.com/office/drawing/2014/main" id="{7293E54D-2B64-B7F3-C824-882344F7F134}"/>
              </a:ext>
            </a:extLst>
          </p:cNvPr>
          <p:cNvSpPr txBox="1">
            <a:spLocks/>
          </p:cNvSpPr>
          <p:nvPr/>
        </p:nvSpPr>
        <p:spPr bwMode="auto">
          <a:xfrm>
            <a:off x="352368" y="4231190"/>
            <a:ext cx="3816210" cy="70637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defRPr sz="225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2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2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2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200" b="1">
                <a:solidFill>
                  <a:schemeClr val="tx2"/>
                </a:solidFill>
                <a:latin typeface="Verdana" pitchFamily="34" charset="0"/>
              </a:defRPr>
            </a:lvl5pPr>
            <a:lvl6pPr marL="342900" algn="l" rtl="0" eaLnBrk="1" fontAlgn="base" hangingPunct="1">
              <a:spcBef>
                <a:spcPct val="0"/>
              </a:spcBef>
              <a:spcAft>
                <a:spcPct val="0"/>
              </a:spcAft>
              <a:defRPr sz="1200" b="1">
                <a:solidFill>
                  <a:schemeClr val="tx2"/>
                </a:solidFill>
                <a:latin typeface="Verdana" pitchFamily="34" charset="0"/>
              </a:defRPr>
            </a:lvl6pPr>
            <a:lvl7pPr marL="685800" algn="l" rtl="0" eaLnBrk="1" fontAlgn="base" hangingPunct="1">
              <a:spcBef>
                <a:spcPct val="0"/>
              </a:spcBef>
              <a:spcAft>
                <a:spcPct val="0"/>
              </a:spcAft>
              <a:defRPr sz="1200" b="1">
                <a:solidFill>
                  <a:schemeClr val="tx2"/>
                </a:solidFill>
                <a:latin typeface="Verdana" pitchFamily="34" charset="0"/>
              </a:defRPr>
            </a:lvl7pPr>
            <a:lvl8pPr marL="1028700" algn="l" rtl="0" eaLnBrk="1" fontAlgn="base" hangingPunct="1">
              <a:spcBef>
                <a:spcPct val="0"/>
              </a:spcBef>
              <a:spcAft>
                <a:spcPct val="0"/>
              </a:spcAft>
              <a:defRPr sz="1200" b="1">
                <a:solidFill>
                  <a:schemeClr val="tx2"/>
                </a:solidFill>
                <a:latin typeface="Verdana" pitchFamily="34" charset="0"/>
              </a:defRPr>
            </a:lvl8pPr>
            <a:lvl9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2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en-GB" sz="600" kern="0" dirty="0" err="1">
                <a:solidFill>
                  <a:schemeClr val="tx1"/>
                </a:solidFill>
              </a:rPr>
              <a:t>Informatik</a:t>
            </a:r>
            <a:endParaRPr lang="en-GB" sz="600" kern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419156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Rectangle 24">
            <a:extLst>
              <a:ext uri="{FF2B5EF4-FFF2-40B4-BE49-F238E27FC236}">
                <a16:creationId xmlns:a16="http://schemas.microsoft.com/office/drawing/2014/main" id="{C278EFEC-A3B7-852E-8C34-77AFFF71845F}"/>
              </a:ext>
            </a:extLst>
          </p:cNvPr>
          <p:cNvSpPr/>
          <p:nvPr/>
        </p:nvSpPr>
        <p:spPr>
          <a:xfrm>
            <a:off x="687278" y="654954"/>
            <a:ext cx="7828072" cy="1288146"/>
          </a:xfrm>
          <a:prstGeom prst="rect">
            <a:avLst/>
          </a:prstGeom>
          <a:noFill/>
          <a:ln w="762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2" descr="Faster Better Cheaper Mandate | Consumer Acquisition">
            <a:extLst>
              <a:ext uri="{FF2B5EF4-FFF2-40B4-BE49-F238E27FC236}">
                <a16:creationId xmlns:a16="http://schemas.microsoft.com/office/drawing/2014/main" id="{575DA2E4-33B6-82C3-2604-18CBB8A3CBB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0" y="2478861"/>
            <a:ext cx="9144000" cy="26646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72D5390D-DAE8-A762-3EF3-0855B169EBF9}"/>
              </a:ext>
            </a:extLst>
          </p:cNvPr>
          <p:cNvSpPr txBox="1"/>
          <p:nvPr/>
        </p:nvSpPr>
        <p:spPr>
          <a:xfrm>
            <a:off x="1038226" y="849902"/>
            <a:ext cx="1819274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800" b="1" dirty="0"/>
              <a:t>Artificial intelligence is…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AAB9713-E128-9504-D9E2-B5361584FF2F}"/>
              </a:ext>
            </a:extLst>
          </p:cNvPr>
          <p:cNvSpPr txBox="1"/>
          <p:nvPr/>
        </p:nvSpPr>
        <p:spPr>
          <a:xfrm>
            <a:off x="3343276" y="823504"/>
            <a:ext cx="5495924" cy="840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GB" sz="1400" dirty="0"/>
              <a:t>the ability of machines to complete tasks … </a:t>
            </a:r>
          </a:p>
          <a:p>
            <a:pPr>
              <a:lnSpc>
                <a:spcPct val="120000"/>
              </a:lnSpc>
            </a:pPr>
            <a:r>
              <a:rPr lang="en-GB" sz="1400" dirty="0"/>
              <a:t>which normally require a human level of intelligence… better faster and cheaper than humans can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D5F6DED8-66A6-580A-BC84-2BA41396FED8}"/>
              </a:ext>
            </a:extLst>
          </p:cNvPr>
          <p:cNvGrpSpPr/>
          <p:nvPr/>
        </p:nvGrpSpPr>
        <p:grpSpPr>
          <a:xfrm>
            <a:off x="441326" y="447675"/>
            <a:ext cx="596900" cy="514900"/>
            <a:chOff x="1003300" y="1466850"/>
            <a:chExt cx="1304936" cy="1229275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B905150E-784B-18C2-5261-4EEDF34EAD19}"/>
                </a:ext>
              </a:extLst>
            </p:cNvPr>
            <p:cNvSpPr/>
            <p:nvPr/>
          </p:nvSpPr>
          <p:spPr>
            <a:xfrm>
              <a:off x="1003300" y="1466850"/>
              <a:ext cx="1304936" cy="122927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380BD69F-F8C3-2761-84C4-543F683C9E26}"/>
                </a:ext>
              </a:extLst>
            </p:cNvPr>
            <p:cNvSpPr/>
            <p:nvPr/>
          </p:nvSpPr>
          <p:spPr>
            <a:xfrm>
              <a:off x="1713826" y="1478544"/>
              <a:ext cx="350992" cy="966330"/>
            </a:xfrm>
            <a:custGeom>
              <a:avLst/>
              <a:gdLst>
                <a:gd name="connsiteX0" fmla="*/ -114 w 350992"/>
                <a:gd name="connsiteY0" fmla="*/ 966321 h 966330"/>
                <a:gd name="connsiteX1" fmla="*/ -114 w 350992"/>
                <a:gd name="connsiteY1" fmla="*/ 589628 h 966330"/>
                <a:gd name="connsiteX2" fmla="*/ 350878 w 350992"/>
                <a:gd name="connsiteY2" fmla="*/ -10 h 966330"/>
                <a:gd name="connsiteX3" fmla="*/ 350878 w 350992"/>
                <a:gd name="connsiteY3" fmla="*/ 202288 h 966330"/>
                <a:gd name="connsiteX4" fmla="*/ 224213 w 350992"/>
                <a:gd name="connsiteY4" fmla="*/ 439098 h 966330"/>
                <a:gd name="connsiteX5" fmla="*/ 350878 w 350992"/>
                <a:gd name="connsiteY5" fmla="*/ 439098 h 966330"/>
                <a:gd name="connsiteX6" fmla="*/ 350878 w 350992"/>
                <a:gd name="connsiteY6" fmla="*/ 966321 h 9663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50992" h="966330">
                  <a:moveTo>
                    <a:pt x="-114" y="966321"/>
                  </a:moveTo>
                  <a:lnTo>
                    <a:pt x="-114" y="589628"/>
                  </a:lnTo>
                  <a:cubicBezTo>
                    <a:pt x="-114" y="217341"/>
                    <a:pt x="116895" y="20797"/>
                    <a:pt x="350878" y="-10"/>
                  </a:cubicBezTo>
                  <a:lnTo>
                    <a:pt x="350878" y="202288"/>
                  </a:lnTo>
                  <a:cubicBezTo>
                    <a:pt x="266434" y="239003"/>
                    <a:pt x="224213" y="316838"/>
                    <a:pt x="224213" y="439098"/>
                  </a:cubicBezTo>
                  <a:lnTo>
                    <a:pt x="350878" y="439098"/>
                  </a:lnTo>
                  <a:lnTo>
                    <a:pt x="350878" y="966321"/>
                  </a:lnTo>
                  <a:close/>
                </a:path>
              </a:pathLst>
            </a:custGeom>
            <a:solidFill>
              <a:schemeClr val="accent1"/>
            </a:solidFill>
            <a:ln w="367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07026BAF-3D66-464E-A036-E0141A92F06F}"/>
                </a:ext>
              </a:extLst>
            </p:cNvPr>
            <p:cNvSpPr/>
            <p:nvPr/>
          </p:nvSpPr>
          <p:spPr>
            <a:xfrm>
              <a:off x="1096652" y="1478544"/>
              <a:ext cx="350992" cy="966330"/>
            </a:xfrm>
            <a:custGeom>
              <a:avLst/>
              <a:gdLst>
                <a:gd name="connsiteX0" fmla="*/ -114 w 350992"/>
                <a:gd name="connsiteY0" fmla="*/ 966321 h 966330"/>
                <a:gd name="connsiteX1" fmla="*/ -114 w 350992"/>
                <a:gd name="connsiteY1" fmla="*/ 589628 h 966330"/>
                <a:gd name="connsiteX2" fmla="*/ 350879 w 350992"/>
                <a:gd name="connsiteY2" fmla="*/ -10 h 966330"/>
                <a:gd name="connsiteX3" fmla="*/ 350879 w 350992"/>
                <a:gd name="connsiteY3" fmla="*/ 202288 h 966330"/>
                <a:gd name="connsiteX4" fmla="*/ 224213 w 350992"/>
                <a:gd name="connsiteY4" fmla="*/ 439098 h 966330"/>
                <a:gd name="connsiteX5" fmla="*/ 350879 w 350992"/>
                <a:gd name="connsiteY5" fmla="*/ 439098 h 966330"/>
                <a:gd name="connsiteX6" fmla="*/ 350879 w 350992"/>
                <a:gd name="connsiteY6" fmla="*/ 966321 h 9663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50992" h="966330">
                  <a:moveTo>
                    <a:pt x="-114" y="966321"/>
                  </a:moveTo>
                  <a:lnTo>
                    <a:pt x="-114" y="589628"/>
                  </a:lnTo>
                  <a:cubicBezTo>
                    <a:pt x="-114" y="217341"/>
                    <a:pt x="116896" y="20797"/>
                    <a:pt x="350879" y="-10"/>
                  </a:cubicBezTo>
                  <a:lnTo>
                    <a:pt x="350879" y="202288"/>
                  </a:lnTo>
                  <a:cubicBezTo>
                    <a:pt x="266435" y="239003"/>
                    <a:pt x="224213" y="316838"/>
                    <a:pt x="224213" y="439098"/>
                  </a:cubicBezTo>
                  <a:lnTo>
                    <a:pt x="350879" y="439098"/>
                  </a:lnTo>
                  <a:lnTo>
                    <a:pt x="350879" y="966321"/>
                  </a:lnTo>
                  <a:close/>
                </a:path>
              </a:pathLst>
            </a:custGeom>
            <a:solidFill>
              <a:schemeClr val="accent1"/>
            </a:solidFill>
            <a:ln w="367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4FCE58AC-3399-EF8C-3E66-AF9F9E469117}"/>
              </a:ext>
            </a:extLst>
          </p:cNvPr>
          <p:cNvGrpSpPr/>
          <p:nvPr/>
        </p:nvGrpSpPr>
        <p:grpSpPr>
          <a:xfrm rot="10800000">
            <a:off x="8118526" y="1515782"/>
            <a:ext cx="596900" cy="514900"/>
            <a:chOff x="1003300" y="1466850"/>
            <a:chExt cx="1304936" cy="1229275"/>
          </a:xfrm>
        </p:grpSpPr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70C09E2E-AD33-C8F4-760D-D01A84622BD5}"/>
                </a:ext>
              </a:extLst>
            </p:cNvPr>
            <p:cNvSpPr/>
            <p:nvPr/>
          </p:nvSpPr>
          <p:spPr>
            <a:xfrm>
              <a:off x="1003300" y="1466850"/>
              <a:ext cx="1304936" cy="122927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9C23EFFF-CE96-1D7A-6016-4035C258788A}"/>
                </a:ext>
              </a:extLst>
            </p:cNvPr>
            <p:cNvSpPr/>
            <p:nvPr/>
          </p:nvSpPr>
          <p:spPr>
            <a:xfrm>
              <a:off x="1713826" y="1478544"/>
              <a:ext cx="350992" cy="966330"/>
            </a:xfrm>
            <a:custGeom>
              <a:avLst/>
              <a:gdLst>
                <a:gd name="connsiteX0" fmla="*/ -114 w 350992"/>
                <a:gd name="connsiteY0" fmla="*/ 966321 h 966330"/>
                <a:gd name="connsiteX1" fmla="*/ -114 w 350992"/>
                <a:gd name="connsiteY1" fmla="*/ 589628 h 966330"/>
                <a:gd name="connsiteX2" fmla="*/ 350878 w 350992"/>
                <a:gd name="connsiteY2" fmla="*/ -10 h 966330"/>
                <a:gd name="connsiteX3" fmla="*/ 350878 w 350992"/>
                <a:gd name="connsiteY3" fmla="*/ 202288 h 966330"/>
                <a:gd name="connsiteX4" fmla="*/ 224213 w 350992"/>
                <a:gd name="connsiteY4" fmla="*/ 439098 h 966330"/>
                <a:gd name="connsiteX5" fmla="*/ 350878 w 350992"/>
                <a:gd name="connsiteY5" fmla="*/ 439098 h 966330"/>
                <a:gd name="connsiteX6" fmla="*/ 350878 w 350992"/>
                <a:gd name="connsiteY6" fmla="*/ 966321 h 9663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50992" h="966330">
                  <a:moveTo>
                    <a:pt x="-114" y="966321"/>
                  </a:moveTo>
                  <a:lnTo>
                    <a:pt x="-114" y="589628"/>
                  </a:lnTo>
                  <a:cubicBezTo>
                    <a:pt x="-114" y="217341"/>
                    <a:pt x="116895" y="20797"/>
                    <a:pt x="350878" y="-10"/>
                  </a:cubicBezTo>
                  <a:lnTo>
                    <a:pt x="350878" y="202288"/>
                  </a:lnTo>
                  <a:cubicBezTo>
                    <a:pt x="266434" y="239003"/>
                    <a:pt x="224213" y="316838"/>
                    <a:pt x="224213" y="439098"/>
                  </a:cubicBezTo>
                  <a:lnTo>
                    <a:pt x="350878" y="439098"/>
                  </a:lnTo>
                  <a:lnTo>
                    <a:pt x="350878" y="966321"/>
                  </a:lnTo>
                  <a:close/>
                </a:path>
              </a:pathLst>
            </a:custGeom>
            <a:solidFill>
              <a:schemeClr val="accent1"/>
            </a:solidFill>
            <a:ln w="367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6D63784D-2C4E-8AD6-1967-3A1E49241CA2}"/>
                </a:ext>
              </a:extLst>
            </p:cNvPr>
            <p:cNvSpPr/>
            <p:nvPr/>
          </p:nvSpPr>
          <p:spPr>
            <a:xfrm>
              <a:off x="1096652" y="1478544"/>
              <a:ext cx="350992" cy="966330"/>
            </a:xfrm>
            <a:custGeom>
              <a:avLst/>
              <a:gdLst>
                <a:gd name="connsiteX0" fmla="*/ -114 w 350992"/>
                <a:gd name="connsiteY0" fmla="*/ 966321 h 966330"/>
                <a:gd name="connsiteX1" fmla="*/ -114 w 350992"/>
                <a:gd name="connsiteY1" fmla="*/ 589628 h 966330"/>
                <a:gd name="connsiteX2" fmla="*/ 350879 w 350992"/>
                <a:gd name="connsiteY2" fmla="*/ -10 h 966330"/>
                <a:gd name="connsiteX3" fmla="*/ 350879 w 350992"/>
                <a:gd name="connsiteY3" fmla="*/ 202288 h 966330"/>
                <a:gd name="connsiteX4" fmla="*/ 224213 w 350992"/>
                <a:gd name="connsiteY4" fmla="*/ 439098 h 966330"/>
                <a:gd name="connsiteX5" fmla="*/ 350879 w 350992"/>
                <a:gd name="connsiteY5" fmla="*/ 439098 h 966330"/>
                <a:gd name="connsiteX6" fmla="*/ 350879 w 350992"/>
                <a:gd name="connsiteY6" fmla="*/ 966321 h 9663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50992" h="966330">
                  <a:moveTo>
                    <a:pt x="-114" y="966321"/>
                  </a:moveTo>
                  <a:lnTo>
                    <a:pt x="-114" y="589628"/>
                  </a:lnTo>
                  <a:cubicBezTo>
                    <a:pt x="-114" y="217341"/>
                    <a:pt x="116896" y="20797"/>
                    <a:pt x="350879" y="-10"/>
                  </a:cubicBezTo>
                  <a:lnTo>
                    <a:pt x="350879" y="202288"/>
                  </a:lnTo>
                  <a:cubicBezTo>
                    <a:pt x="266435" y="239003"/>
                    <a:pt x="224213" y="316838"/>
                    <a:pt x="224213" y="439098"/>
                  </a:cubicBezTo>
                  <a:lnTo>
                    <a:pt x="350879" y="439098"/>
                  </a:lnTo>
                  <a:lnTo>
                    <a:pt x="350879" y="966321"/>
                  </a:lnTo>
                  <a:close/>
                </a:path>
              </a:pathLst>
            </a:custGeom>
            <a:solidFill>
              <a:schemeClr val="accent1"/>
            </a:solidFill>
            <a:ln w="367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275655381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D2A482A2-C186-1425-5695-5FBC406B8ADD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84621"/>
            <a:ext cx="9144000" cy="4774257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438871A-9053-4E76-B939-684F2C015D75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32040" y="2787774"/>
            <a:ext cx="3761344" cy="13364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6011898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F2349D68-FF4A-9320-462B-1BBCF9A1F4D3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211678"/>
            <a:ext cx="9144000" cy="472014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73A17119-866A-E0D7-2FFE-42A8C4C910D9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868144" y="2859782"/>
            <a:ext cx="2855809" cy="1318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424424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EC07C5-7942-9C4E-AF10-49BAE4A402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Machine Learning?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4BCD49C0-1C93-3C4A-8181-221012D01DB7}"/>
              </a:ext>
            </a:extLst>
          </p:cNvPr>
          <p:cNvSpPr/>
          <p:nvPr/>
        </p:nvSpPr>
        <p:spPr>
          <a:xfrm>
            <a:off x="4716462" y="1131590"/>
            <a:ext cx="3816351" cy="3096344"/>
          </a:xfrm>
          <a:prstGeom prst="rect">
            <a:avLst/>
          </a:prstGeom>
          <a:solidFill>
            <a:schemeClr val="bg1">
              <a:lumMod val="95000"/>
            </a:schemeClr>
          </a:solidFill>
          <a:ln w="317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1EDB100-91C1-5C4A-BE42-7BB099E93D69}"/>
              </a:ext>
            </a:extLst>
          </p:cNvPr>
          <p:cNvSpPr/>
          <p:nvPr/>
        </p:nvSpPr>
        <p:spPr>
          <a:xfrm>
            <a:off x="5285841" y="1940228"/>
            <a:ext cx="3061813" cy="2143690"/>
          </a:xfrm>
          <a:prstGeom prst="rect">
            <a:avLst/>
          </a:prstGeom>
          <a:solidFill>
            <a:srgbClr val="DBEEF3"/>
          </a:solidFill>
          <a:ln w="3175">
            <a:solidFill>
              <a:schemeClr val="tx2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54F7524-043D-4643-8E3F-DA2F29B1B142}"/>
              </a:ext>
            </a:extLst>
          </p:cNvPr>
          <p:cNvSpPr/>
          <p:nvPr/>
        </p:nvSpPr>
        <p:spPr>
          <a:xfrm>
            <a:off x="5940152" y="2787774"/>
            <a:ext cx="2160240" cy="1152128"/>
          </a:xfrm>
          <a:prstGeom prst="rect">
            <a:avLst/>
          </a:prstGeom>
          <a:solidFill>
            <a:srgbClr val="77C5D8"/>
          </a:solidFill>
          <a:ln w="3175">
            <a:solidFill>
              <a:schemeClr val="tx2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6EB749E-0C5F-3E4E-B947-D70A58544419}"/>
              </a:ext>
            </a:extLst>
          </p:cNvPr>
          <p:cNvSpPr/>
          <p:nvPr/>
        </p:nvSpPr>
        <p:spPr>
          <a:xfrm>
            <a:off x="4800702" y="1204657"/>
            <a:ext cx="2723626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1400" b="1" dirty="0">
                <a:solidFill>
                  <a:srgbClr val="000000"/>
                </a:solidFill>
              </a:rPr>
              <a:t>Artificial Intelligence</a:t>
            </a:r>
            <a:endParaRPr lang="en-US" sz="1050" b="1" dirty="0">
              <a:solidFill>
                <a:srgbClr val="000000"/>
              </a:solidFill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5115F85-0036-614B-B879-0474DFE3AF14}"/>
              </a:ext>
            </a:extLst>
          </p:cNvPr>
          <p:cNvSpPr/>
          <p:nvPr/>
        </p:nvSpPr>
        <p:spPr>
          <a:xfrm>
            <a:off x="5433943" y="1969258"/>
            <a:ext cx="2401270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1400" b="1" dirty="0">
                <a:solidFill>
                  <a:srgbClr val="000000"/>
                </a:solidFill>
              </a:rPr>
              <a:t>Machine Learning</a:t>
            </a:r>
            <a:endParaRPr lang="en-US" sz="1050" b="1" dirty="0">
              <a:solidFill>
                <a:srgbClr val="000000"/>
              </a:solidFill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79C19A1-4B75-494E-BE46-D3727B3D1A40}"/>
              </a:ext>
            </a:extLst>
          </p:cNvPr>
          <p:cNvSpPr/>
          <p:nvPr/>
        </p:nvSpPr>
        <p:spPr>
          <a:xfrm>
            <a:off x="6064835" y="2889774"/>
            <a:ext cx="1896614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1400" b="1" dirty="0">
                <a:solidFill>
                  <a:srgbClr val="000000"/>
                </a:solidFill>
              </a:rPr>
              <a:t>Deep Learning</a:t>
            </a:r>
            <a:endParaRPr lang="en-US" sz="1050" b="1" dirty="0">
              <a:solidFill>
                <a:srgbClr val="000000"/>
              </a:solidFill>
            </a:endParaRPr>
          </a:p>
        </p:txBody>
      </p:sp>
      <p:pic>
        <p:nvPicPr>
          <p:cNvPr id="9" name="Graphic 8" descr="Brain">
            <a:extLst>
              <a:ext uri="{FF2B5EF4-FFF2-40B4-BE49-F238E27FC236}">
                <a16:creationId xmlns:a16="http://schemas.microsoft.com/office/drawing/2014/main" id="{F0C79ED8-8D28-6A43-95E8-6688FB0A242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43952" y="1449094"/>
            <a:ext cx="426575" cy="426575"/>
          </a:xfrm>
          <a:prstGeom prst="rect">
            <a:avLst/>
          </a:prstGeom>
        </p:spPr>
      </p:pic>
      <p:pic>
        <p:nvPicPr>
          <p:cNvPr id="10" name="Graphic 9" descr="Computer">
            <a:extLst>
              <a:ext uri="{FF2B5EF4-FFF2-40B4-BE49-F238E27FC236}">
                <a16:creationId xmlns:a16="http://schemas.microsoft.com/office/drawing/2014/main" id="{21E37264-DA1D-8A42-9F5A-6D849B476A1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652120" y="2210530"/>
            <a:ext cx="469232" cy="469232"/>
          </a:xfrm>
          <a:prstGeom prst="rect">
            <a:avLst/>
          </a:prstGeom>
        </p:spPr>
      </p:pic>
      <p:pic>
        <p:nvPicPr>
          <p:cNvPr id="11" name="Graphic 10" descr="Network">
            <a:extLst>
              <a:ext uri="{FF2B5EF4-FFF2-40B4-BE49-F238E27FC236}">
                <a16:creationId xmlns:a16="http://schemas.microsoft.com/office/drawing/2014/main" id="{54E7352E-A2B3-E14C-A5EF-89E97CA5FD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228184" y="3163705"/>
            <a:ext cx="321314" cy="321314"/>
          </a:xfrm>
          <a:prstGeom prst="rect">
            <a:avLst/>
          </a:prstGeom>
        </p:spPr>
      </p:pic>
      <p:pic>
        <p:nvPicPr>
          <p:cNvPr id="12" name="Graphic 11" descr="Network">
            <a:extLst>
              <a:ext uri="{FF2B5EF4-FFF2-40B4-BE49-F238E27FC236}">
                <a16:creationId xmlns:a16="http://schemas.microsoft.com/office/drawing/2014/main" id="{6F16BA59-C937-DB47-AD07-26778FA8E791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 rot="10800000">
            <a:off x="6228184" y="3280047"/>
            <a:ext cx="321314" cy="321314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73E5DC6E-475C-FF46-9146-E093DEEB3723}"/>
              </a:ext>
            </a:extLst>
          </p:cNvPr>
          <p:cNvSpPr/>
          <p:nvPr/>
        </p:nvSpPr>
        <p:spPr>
          <a:xfrm>
            <a:off x="6216225" y="2275287"/>
            <a:ext cx="200812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800" i="1" dirty="0">
                <a:solidFill>
                  <a:srgbClr val="000000"/>
                </a:solidFill>
              </a:rPr>
              <a:t>Statistical methods enabling machines improve with experience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053115A1-A3DA-8B4F-A553-DEFAA7C84EF6}"/>
              </a:ext>
            </a:extLst>
          </p:cNvPr>
          <p:cNvSpPr/>
          <p:nvPr/>
        </p:nvSpPr>
        <p:spPr>
          <a:xfrm>
            <a:off x="5518629" y="1480405"/>
            <a:ext cx="2005699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800" i="1" dirty="0">
                <a:solidFill>
                  <a:srgbClr val="000000"/>
                </a:solidFill>
              </a:rPr>
              <a:t>Completing tasks which normally require human level intelligence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DE4A9B4-763F-6A43-A843-C814AB0BEBB1}"/>
              </a:ext>
            </a:extLst>
          </p:cNvPr>
          <p:cNvSpPr/>
          <p:nvPr/>
        </p:nvSpPr>
        <p:spPr>
          <a:xfrm>
            <a:off x="6660232" y="3211111"/>
            <a:ext cx="140092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800" i="1" dirty="0">
                <a:solidFill>
                  <a:srgbClr val="000000"/>
                </a:solidFill>
              </a:rPr>
              <a:t>Many-layered learning- networks progressively extracting higher level features from raw input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5488587-D084-A24E-B9EA-82AEBA25349E}"/>
              </a:ext>
            </a:extLst>
          </p:cNvPr>
          <p:cNvSpPr/>
          <p:nvPr/>
        </p:nvSpPr>
        <p:spPr>
          <a:xfrm>
            <a:off x="611187" y="1139929"/>
            <a:ext cx="3356547" cy="25776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1400" i="1" dirty="0">
                <a:solidFill>
                  <a:srgbClr val="000000"/>
                </a:solidFill>
              </a:rPr>
              <a:t>“… a field of study that gives </a:t>
            </a:r>
            <a:r>
              <a:rPr lang="en-US" sz="1400" b="1" i="1" dirty="0">
                <a:solidFill>
                  <a:srgbClr val="000000"/>
                </a:solidFill>
              </a:rPr>
              <a:t>computers</a:t>
            </a:r>
            <a:r>
              <a:rPr lang="en-US" sz="1400" i="1" dirty="0">
                <a:solidFill>
                  <a:srgbClr val="000000"/>
                </a:solidFill>
              </a:rPr>
              <a:t> the ability to learn without being explicitly programmed”</a:t>
            </a:r>
          </a:p>
          <a:p>
            <a:pPr lvl="0" algn="r"/>
            <a:r>
              <a:rPr lang="en-US" sz="800" i="1" dirty="0">
                <a:solidFill>
                  <a:srgbClr val="000000"/>
                </a:solidFill>
              </a:rPr>
              <a:t>(- Arthur Samuel, 1959)</a:t>
            </a:r>
          </a:p>
          <a:p>
            <a:pPr lvl="0" algn="r"/>
            <a:endParaRPr lang="en-US" sz="900" i="1" dirty="0">
              <a:solidFill>
                <a:srgbClr val="000000"/>
              </a:solidFill>
            </a:endParaRPr>
          </a:p>
          <a:p>
            <a:pPr lvl="0"/>
            <a:endParaRPr lang="en-US" sz="1400" i="1" dirty="0">
              <a:solidFill>
                <a:srgbClr val="000000"/>
              </a:solidFill>
            </a:endParaRPr>
          </a:p>
          <a:p>
            <a:pPr lvl="0"/>
            <a:r>
              <a:rPr lang="en-US" sz="1400" i="1" dirty="0">
                <a:solidFill>
                  <a:srgbClr val="000000"/>
                </a:solidFill>
              </a:rPr>
              <a:t>“… the study of </a:t>
            </a:r>
            <a:r>
              <a:rPr lang="en-US" sz="1400" b="1" i="1" dirty="0">
                <a:solidFill>
                  <a:srgbClr val="000000"/>
                </a:solidFill>
              </a:rPr>
              <a:t>computer algorithms </a:t>
            </a:r>
            <a:r>
              <a:rPr lang="en-US" sz="1400" i="1" dirty="0">
                <a:solidFill>
                  <a:srgbClr val="000000"/>
                </a:solidFill>
              </a:rPr>
              <a:t>that allow computer programs to automatically improve through experience”</a:t>
            </a:r>
          </a:p>
          <a:p>
            <a:pPr lvl="0" algn="r"/>
            <a:r>
              <a:rPr lang="en-US" sz="800" i="1" dirty="0">
                <a:solidFill>
                  <a:srgbClr val="000000"/>
                </a:solidFill>
              </a:rPr>
              <a:t>(- Tom Mitchell, 1997)</a:t>
            </a:r>
          </a:p>
          <a:p>
            <a:pPr lvl="0"/>
            <a:endParaRPr lang="en-US" sz="1050" i="1" dirty="0">
              <a:solidFill>
                <a:srgbClr val="000000"/>
              </a:solidFill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8F9EE2B-21D6-AF44-A467-309B86331771}"/>
              </a:ext>
            </a:extLst>
          </p:cNvPr>
          <p:cNvSpPr txBox="1"/>
          <p:nvPr/>
        </p:nvSpPr>
        <p:spPr>
          <a:xfrm>
            <a:off x="611188" y="3867894"/>
            <a:ext cx="3816349" cy="360040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txBody>
          <a:bodyPr wrap="square" tIns="0" bIns="0" rtlCol="0" anchor="ctr" anchorCtr="0">
            <a:noAutofit/>
          </a:bodyPr>
          <a:lstStyle>
            <a:defPPr>
              <a:defRPr lang="en-GB"/>
            </a:defPPr>
            <a:lvl1pPr>
              <a:defRPr sz="800"/>
            </a:lvl1pPr>
          </a:lstStyle>
          <a:p>
            <a:pPr algn="ctr"/>
            <a:r>
              <a:rPr lang="en-US" sz="1000" i="1" dirty="0">
                <a:solidFill>
                  <a:schemeClr val="bg1"/>
                </a:solidFill>
              </a:rPr>
              <a:t>If you want to learn more about ML, check out the</a:t>
            </a:r>
          </a:p>
          <a:p>
            <a:pPr algn="ctr"/>
            <a:r>
              <a:rPr lang="en-US" sz="1000" i="1" dirty="0">
                <a:solidFill>
                  <a:schemeClr val="bg1"/>
                </a:solidFill>
              </a:rPr>
              <a:t>really excellent online lectures by Andrew Ng* 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10757B63-167F-8249-A69D-E45D64476887}"/>
              </a:ext>
            </a:extLst>
          </p:cNvPr>
          <p:cNvSpPr/>
          <p:nvPr/>
        </p:nvSpPr>
        <p:spPr>
          <a:xfrm>
            <a:off x="611187" y="4737903"/>
            <a:ext cx="3438128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US" sz="600" dirty="0"/>
              <a:t>* </a:t>
            </a:r>
            <a:r>
              <a:rPr lang="en-US" sz="600" dirty="0">
                <a:hlinkClick r:id="rId8"/>
              </a:rPr>
              <a:t>https://www.youtube.com/playlist?list=PLLssT5z_DsK-h9vYZkQkYNWcItqhlRJLN</a:t>
            </a:r>
            <a:endParaRPr lang="en-US" sz="600" dirty="0"/>
          </a:p>
          <a:p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274954884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3A603A3D-27BA-4651-9FFE-4751FCAB62C8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201083"/>
            <a:ext cx="9144000" cy="47413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517310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C43B41F9-AD66-8730-9534-80E264FBB5DA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220779"/>
            <a:ext cx="9144000" cy="47019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432186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42C0F1-AEB6-DAF1-EB72-A31F195B3C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DF055C2-3C8E-9E8E-43C0-661132391AF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marL="0" marR="0" lvl="0" indent="0" algn="r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Page </a:t>
            </a:r>
            <a:fld id="{F6D6BDF2-272F-4256-ACF1-DEAEC48BAB75}" type="slidenum">
              <a:rPr kumimoji="0" lang="de-CH" sz="6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pPr marL="0" marR="0" lvl="0" indent="0" algn="r" defTabSz="17145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2</a:t>
            </a:fld>
            <a:endParaRPr kumimoji="0" lang="de-CH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42AD50-C1A8-C10D-5115-49289F48C95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AI/ML</a:t>
            </a: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9FE9DD7-D7BD-FA88-4F67-DC4E0F5CC6A0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88380"/>
            <a:ext cx="9144000" cy="47667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0383273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1E0A684E-F0EC-2401-5243-FA1BCC883450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679" y="267494"/>
            <a:ext cx="9144000" cy="47752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300279E6-5973-2597-46C0-E09192B3A60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03648" y="1419622"/>
            <a:ext cx="2906862" cy="21297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9433545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ED74BC09-8549-4723-3E24-27F06B7AEA38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368945"/>
            <a:ext cx="9144000" cy="4405610"/>
          </a:xfrm>
          <a:prstGeom prst="rect">
            <a:avLst/>
          </a:prstGeom>
        </p:spPr>
      </p:pic>
      <p:pic>
        <p:nvPicPr>
          <p:cNvPr id="1026" name="Picture 2" descr="Image">
            <a:extLst>
              <a:ext uri="{FF2B5EF4-FFF2-40B4-BE49-F238E27FC236}">
                <a16:creationId xmlns:a16="http://schemas.microsoft.com/office/drawing/2014/main" id="{85571E32-A48D-74C9-C792-334CA89BF5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70417" y="1087314"/>
            <a:ext cx="3240042" cy="32201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30003385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C86D5227-1CCF-4504-3454-7A29677FC4E3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92112"/>
            <a:ext cx="9144000" cy="4759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8682419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A26D5839-FE1A-656D-555D-6CCEF149DC1F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3074" y="0"/>
            <a:ext cx="8757851" cy="514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8995044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B5A064-967F-18A3-42CF-ABCDFF80E4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L Projects remain Challenging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07A9BA5-6DAE-6D20-4906-3DE69008579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marL="0" marR="0" lvl="0" indent="0" algn="r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Page </a:t>
            </a:r>
            <a:fld id="{F6D6BDF2-272F-4256-ACF1-DEAEC48BAB75}" type="slidenum">
              <a:rPr kumimoji="0" lang="de-CH" sz="6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pPr marL="0" marR="0" lvl="0" indent="0" algn="r" defTabSz="17145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7</a:t>
            </a:fld>
            <a:endParaRPr kumimoji="0" lang="de-CH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753593-05B1-575C-C1E5-DAF5056E4A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AI/ML</a:t>
            </a: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4E19348-0121-2C0B-23FE-D9A890C5E00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917" b="8210"/>
          <a:stretch/>
        </p:blipFill>
        <p:spPr bwMode="auto">
          <a:xfrm>
            <a:off x="358775" y="1098636"/>
            <a:ext cx="6993001" cy="21111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137EFEB-6233-4DEF-CF31-EF7E4FF3EBC6}"/>
              </a:ext>
            </a:extLst>
          </p:cNvPr>
          <p:cNvSpPr/>
          <p:nvPr/>
        </p:nvSpPr>
        <p:spPr>
          <a:xfrm>
            <a:off x="358775" y="3786742"/>
            <a:ext cx="7632700" cy="646331"/>
          </a:xfrm>
          <a:prstGeom prst="rect">
            <a:avLst/>
          </a:prstGeom>
        </p:spPr>
        <p:txBody>
          <a:bodyPr wrap="square" lIns="0" rIns="90000">
            <a:spAutoFit/>
          </a:bodyPr>
          <a:lstStyle/>
          <a:p>
            <a:pPr marL="285750" marR="0" lvl="0" indent="-28575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Data issues are one of the most common sticking-points in real AI projects</a:t>
            </a:r>
          </a:p>
          <a:p>
            <a:pPr marL="285750" marR="0" lvl="0" indent="-28575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Up to 80% of project time is spent on the data and &lt; 20% on ML models!</a:t>
            </a:r>
          </a:p>
          <a:p>
            <a:pPr marL="285750" marR="0" lvl="0" indent="-28575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5650B08-9EAE-C43B-7CE4-72B02D4AEFE6}"/>
              </a:ext>
            </a:extLst>
          </p:cNvPr>
          <p:cNvSpPr/>
          <p:nvPr/>
        </p:nvSpPr>
        <p:spPr>
          <a:xfrm>
            <a:off x="358775" y="4551363"/>
            <a:ext cx="5977036" cy="274091"/>
          </a:xfrm>
          <a:prstGeom prst="rect">
            <a:avLst/>
          </a:prstGeom>
          <a:solidFill>
            <a:schemeClr val="bg1"/>
          </a:solidFill>
        </p:spPr>
        <p:txBody>
          <a:bodyPr wrap="square" lIns="0" tIns="180000" rIns="90000" bIns="0" anchor="b" anchorCtr="0">
            <a:spAutoFit/>
          </a:bodyPr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  <a:hlinkClick r:id="rId3"/>
              </a:rPr>
              <a:t>https://www.economist.com/technology-quarterly/2020/06/11/for-ai-data-are-harder-to-come-by-than-you-think</a:t>
            </a: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</p:spTree>
    <p:extLst>
      <p:ext uri="{BB962C8B-B14F-4D97-AF65-F5344CB8AC3E}">
        <p14:creationId xmlns:p14="http://schemas.microsoft.com/office/powerpoint/2010/main" val="53416653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51D004-8FC6-E89D-3E5F-AAD529C0FD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sets Often Contain Inherent Bia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AA055E9-6D4F-0A97-C244-9C8D631BC5B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marL="0" marR="0" lvl="0" indent="0" algn="r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Page </a:t>
            </a:r>
            <a:fld id="{F6D6BDF2-272F-4256-ACF1-DEAEC48BAB75}" type="slidenum">
              <a:rPr kumimoji="0" lang="de-CH" sz="6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pPr marL="0" marR="0" lvl="0" indent="0" algn="r" defTabSz="17145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8</a:t>
            </a:fld>
            <a:endParaRPr kumimoji="0" lang="de-CH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FF8585-01CB-4B8A-8C57-B3982C8A4D1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AI/ML</a:t>
            </a: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E8D8145F-BED7-2334-203E-A308FAE2C364}"/>
              </a:ext>
            </a:extLst>
          </p:cNvPr>
          <p:cNvSpPr/>
          <p:nvPr/>
        </p:nvSpPr>
        <p:spPr>
          <a:xfrm>
            <a:off x="4856567" y="1381260"/>
            <a:ext cx="3675873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In 2019 America’s National Institute of Standards and Technology tested nearly </a:t>
            </a: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200 facial recognition algorithms </a:t>
            </a: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and found that many were significantly </a:t>
            </a: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less accurate at identifying black faces</a:t>
            </a: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 than white ones. </a:t>
            </a:r>
          </a:p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The problem may reflect a preponderance of white faces in their training data. A study from IBM, published in 2019 found that </a:t>
            </a: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over 80% of faces </a:t>
            </a: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in three widely used training sets </a:t>
            </a: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had light skin</a:t>
            </a: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.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pic>
        <p:nvPicPr>
          <p:cNvPr id="6" name="Picture 2" descr="Microsoft quietly takes down huge facial-recognition database | E&amp;T Magazine">
            <a:extLst>
              <a:ext uri="{FF2B5EF4-FFF2-40B4-BE49-F238E27FC236}">
                <a16:creationId xmlns:a16="http://schemas.microsoft.com/office/drawing/2014/main" id="{72CFC834-75BD-3F41-506F-88A24034A07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2845" y="1418990"/>
            <a:ext cx="3552395" cy="26642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F0DBB565-E8FC-C344-A5D5-25CD1809AF87}"/>
              </a:ext>
            </a:extLst>
          </p:cNvPr>
          <p:cNvSpPr/>
          <p:nvPr/>
        </p:nvSpPr>
        <p:spPr>
          <a:xfrm>
            <a:off x="374919" y="4570290"/>
            <a:ext cx="4824908" cy="274091"/>
          </a:xfrm>
          <a:prstGeom prst="rect">
            <a:avLst/>
          </a:prstGeom>
          <a:solidFill>
            <a:schemeClr val="bg1"/>
          </a:solidFill>
        </p:spPr>
        <p:txBody>
          <a:bodyPr wrap="square" lIns="0" tIns="180000" rIns="90000" bIns="0" anchor="b" anchorCtr="0">
            <a:spAutoFit/>
          </a:bodyPr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  <a:hlinkClick r:id="rId3"/>
              </a:rPr>
              <a:t>https://eandt.theiet.org/content/articles/2019/06/microsoft-quietly-takes-down-huge-facial-recognition-database/</a:t>
            </a: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</p:spTree>
    <p:extLst>
      <p:ext uri="{BB962C8B-B14F-4D97-AF65-F5344CB8AC3E}">
        <p14:creationId xmlns:p14="http://schemas.microsoft.com/office/powerpoint/2010/main" val="1192306248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12C675-999A-CBA1-9CB9-7A1EBFD55A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raining of Large ML Models is Energy Intensiv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C5F5BA4-0AFD-F41E-BDE5-C1EF2E9B48B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marL="0" marR="0" lvl="0" indent="0" algn="r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Page </a:t>
            </a:r>
            <a:fld id="{F6D6BDF2-272F-4256-ACF1-DEAEC48BAB75}" type="slidenum">
              <a:rPr kumimoji="0" lang="de-CH" sz="6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pPr marL="0" marR="0" lvl="0" indent="0" algn="r" defTabSz="17145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9</a:t>
            </a:fld>
            <a:endParaRPr kumimoji="0" lang="de-CH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558261-77C4-1F2A-F2D3-6CC43EDDDDB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AI/ML</a:t>
            </a: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236416D0-385C-85ED-4B86-E8AD5A85F740}"/>
              </a:ext>
            </a:extLst>
          </p:cNvPr>
          <p:cNvSpPr/>
          <p:nvPr/>
        </p:nvSpPr>
        <p:spPr>
          <a:xfrm>
            <a:off x="358774" y="1143053"/>
            <a:ext cx="4213225" cy="249299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In 2019 researchers at Uni. Amherst estimated that training one version a big language model, could </a:t>
            </a: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cost as much as $3m</a:t>
            </a: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. </a:t>
            </a:r>
          </a:p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In 2020 an algorithm capable of learning, through trial and error, how to manipulate the pieces of a Rubik's Cube using a robotic hand consumed about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2.8 gigawatt-hours of electricity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in its training</a:t>
            </a:r>
          </a:p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Facebook’s head of AI, says that one round of training for the biggest models can cost “millions of dollars” in </a:t>
            </a: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D1026A"/>
                </a:solidFill>
                <a:effectLst/>
                <a:uLnTx/>
                <a:uFillTx/>
                <a:latin typeface="Verdana"/>
                <a:cs typeface="Segoe UI Light"/>
              </a:rPr>
              <a:t>electricity consumption</a:t>
            </a: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.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pic>
        <p:nvPicPr>
          <p:cNvPr id="7" name="Picture 2" descr="Billowing smoke emerging from power plant smoke stacks ">
            <a:extLst>
              <a:ext uri="{FF2B5EF4-FFF2-40B4-BE49-F238E27FC236}">
                <a16:creationId xmlns:a16="http://schemas.microsoft.com/office/drawing/2014/main" id="{09B3A5D8-E05A-3C8C-C3F7-07B45010A1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97194" y="1115505"/>
            <a:ext cx="3671887" cy="24479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9885BC81-1078-51D5-A623-A8F7FB09B1B0}"/>
              </a:ext>
            </a:extLst>
          </p:cNvPr>
          <p:cNvSpPr/>
          <p:nvPr/>
        </p:nvSpPr>
        <p:spPr>
          <a:xfrm>
            <a:off x="358774" y="3867966"/>
            <a:ext cx="777716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44000" marR="0" lvl="0" indent="-14400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2" charset="2"/>
              <a:buChar char="§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Researchers estimate that the training of GPT-3, which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ChatGPT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 is partly based on, consumed 1.3 GWh, and led to emissions of more than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BB365D"/>
                </a:solidFill>
                <a:effectLst/>
                <a:uLnTx/>
                <a:uFillTx/>
                <a:latin typeface="Verdana"/>
                <a:cs typeface="Segoe UI Light"/>
              </a:rPr>
              <a:t>550 tons of carbon dioxide equivalent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F1940C37-75EE-669B-3B37-A463DD1E5ED9}"/>
              </a:ext>
            </a:extLst>
          </p:cNvPr>
          <p:cNvSpPr/>
          <p:nvPr/>
        </p:nvSpPr>
        <p:spPr>
          <a:xfrm>
            <a:off x="358775" y="4551363"/>
            <a:ext cx="4896916" cy="366424"/>
          </a:xfrm>
          <a:prstGeom prst="rect">
            <a:avLst/>
          </a:prstGeom>
          <a:solidFill>
            <a:schemeClr val="bg1"/>
          </a:solidFill>
        </p:spPr>
        <p:txBody>
          <a:bodyPr wrap="square" lIns="0" tIns="180000" rIns="90000" bIns="0" anchor="b" anchorCtr="0">
            <a:spAutoFit/>
          </a:bodyPr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  <a:hlinkClick r:id="rId3"/>
              </a:rPr>
              <a:t>https://www.wired.com/story/ai-great-things-burn-planet/</a:t>
            </a: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  <a:hlinkClick r:id="rId4"/>
              </a:rPr>
              <a:t>https://www.wired.com/story/the-generative-ai-search-race-has-a-dirty-secret/</a:t>
            </a: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</p:spTree>
    <p:extLst>
      <p:ext uri="{BB962C8B-B14F-4D97-AF65-F5344CB8AC3E}">
        <p14:creationId xmlns:p14="http://schemas.microsoft.com/office/powerpoint/2010/main" val="335214969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FDD34C-7CB8-BF45-9A9A-1A78FD65E5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Brief History of AI / ML</a:t>
            </a:r>
          </a:p>
        </p:txBody>
      </p:sp>
      <p:graphicFrame>
        <p:nvGraphicFramePr>
          <p:cNvPr id="3" name="Table 4">
            <a:extLst>
              <a:ext uri="{FF2B5EF4-FFF2-40B4-BE49-F238E27FC236}">
                <a16:creationId xmlns:a16="http://schemas.microsoft.com/office/drawing/2014/main" id="{F41180BC-AB4A-DE40-871E-1EB14EEF36E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3172907"/>
              </p:ext>
            </p:extLst>
          </p:nvPr>
        </p:nvGraphicFramePr>
        <p:xfrm>
          <a:off x="611188" y="1132062"/>
          <a:ext cx="7921629" cy="336760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80181">
                  <a:extLst>
                    <a:ext uri="{9D8B030D-6E8A-4147-A177-3AD203B41FA5}">
                      <a16:colId xmlns:a16="http://schemas.microsoft.com/office/drawing/2014/main" val="2818349521"/>
                    </a:ext>
                  </a:extLst>
                </a:gridCol>
                <a:gridCol w="880181">
                  <a:extLst>
                    <a:ext uri="{9D8B030D-6E8A-4147-A177-3AD203B41FA5}">
                      <a16:colId xmlns:a16="http://schemas.microsoft.com/office/drawing/2014/main" val="629415257"/>
                    </a:ext>
                  </a:extLst>
                </a:gridCol>
                <a:gridCol w="880181">
                  <a:extLst>
                    <a:ext uri="{9D8B030D-6E8A-4147-A177-3AD203B41FA5}">
                      <a16:colId xmlns:a16="http://schemas.microsoft.com/office/drawing/2014/main" val="3437772457"/>
                    </a:ext>
                  </a:extLst>
                </a:gridCol>
                <a:gridCol w="880181">
                  <a:extLst>
                    <a:ext uri="{9D8B030D-6E8A-4147-A177-3AD203B41FA5}">
                      <a16:colId xmlns:a16="http://schemas.microsoft.com/office/drawing/2014/main" val="1050819901"/>
                    </a:ext>
                  </a:extLst>
                </a:gridCol>
                <a:gridCol w="880181">
                  <a:extLst>
                    <a:ext uri="{9D8B030D-6E8A-4147-A177-3AD203B41FA5}">
                      <a16:colId xmlns:a16="http://schemas.microsoft.com/office/drawing/2014/main" val="1088319200"/>
                    </a:ext>
                  </a:extLst>
                </a:gridCol>
                <a:gridCol w="880181">
                  <a:extLst>
                    <a:ext uri="{9D8B030D-6E8A-4147-A177-3AD203B41FA5}">
                      <a16:colId xmlns:a16="http://schemas.microsoft.com/office/drawing/2014/main" val="3583151923"/>
                    </a:ext>
                  </a:extLst>
                </a:gridCol>
                <a:gridCol w="880181">
                  <a:extLst>
                    <a:ext uri="{9D8B030D-6E8A-4147-A177-3AD203B41FA5}">
                      <a16:colId xmlns:a16="http://schemas.microsoft.com/office/drawing/2014/main" val="4030241142"/>
                    </a:ext>
                  </a:extLst>
                </a:gridCol>
                <a:gridCol w="880181">
                  <a:extLst>
                    <a:ext uri="{9D8B030D-6E8A-4147-A177-3AD203B41FA5}">
                      <a16:colId xmlns:a16="http://schemas.microsoft.com/office/drawing/2014/main" val="2702121552"/>
                    </a:ext>
                  </a:extLst>
                </a:gridCol>
                <a:gridCol w="880181">
                  <a:extLst>
                    <a:ext uri="{9D8B030D-6E8A-4147-A177-3AD203B41FA5}">
                      <a16:colId xmlns:a16="http://schemas.microsoft.com/office/drawing/2014/main" val="3723035514"/>
                    </a:ext>
                  </a:extLst>
                </a:gridCol>
              </a:tblGrid>
              <a:tr h="288032"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195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1960</a:t>
                      </a:r>
                    </a:p>
                  </a:txBody>
                  <a:tcP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197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1980</a:t>
                      </a:r>
                    </a:p>
                  </a:txBody>
                  <a:tcP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199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2000</a:t>
                      </a:r>
                    </a:p>
                  </a:txBody>
                  <a:tcP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201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2020</a:t>
                      </a:r>
                    </a:p>
                  </a:txBody>
                  <a:tcP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203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16433531"/>
                  </a:ext>
                </a:extLst>
              </a:tr>
              <a:tr h="3079576"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9728886"/>
                  </a:ext>
                </a:extLst>
              </a:tr>
            </a:tbl>
          </a:graphicData>
        </a:graphic>
      </p:graphicFrame>
      <p:sp>
        <p:nvSpPr>
          <p:cNvPr id="5" name="Pentagon 4">
            <a:extLst>
              <a:ext uri="{FF2B5EF4-FFF2-40B4-BE49-F238E27FC236}">
                <a16:creationId xmlns:a16="http://schemas.microsoft.com/office/drawing/2014/main" id="{C2D92842-11D7-8948-AD2C-99851BD4CF05}"/>
              </a:ext>
            </a:extLst>
          </p:cNvPr>
          <p:cNvSpPr/>
          <p:nvPr/>
        </p:nvSpPr>
        <p:spPr>
          <a:xfrm>
            <a:off x="1218499" y="1523235"/>
            <a:ext cx="5826459" cy="130545"/>
          </a:xfrm>
          <a:prstGeom prst="homePlate">
            <a:avLst/>
          </a:prstGeom>
          <a:solidFill>
            <a:srgbClr val="1F6A8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/>
              <a:t>Rules Based AI</a:t>
            </a:r>
          </a:p>
        </p:txBody>
      </p:sp>
      <p:sp>
        <p:nvSpPr>
          <p:cNvPr id="6" name="Pentagon 5">
            <a:extLst>
              <a:ext uri="{FF2B5EF4-FFF2-40B4-BE49-F238E27FC236}">
                <a16:creationId xmlns:a16="http://schemas.microsoft.com/office/drawing/2014/main" id="{4234F303-E7AE-9E4B-93A8-A52DD348A1B9}"/>
              </a:ext>
            </a:extLst>
          </p:cNvPr>
          <p:cNvSpPr/>
          <p:nvPr/>
        </p:nvSpPr>
        <p:spPr>
          <a:xfrm>
            <a:off x="3498426" y="1962910"/>
            <a:ext cx="3546532" cy="130257"/>
          </a:xfrm>
          <a:prstGeom prst="homePlate">
            <a:avLst/>
          </a:prstGeom>
          <a:solidFill>
            <a:srgbClr val="DBEEF3"/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>
                <a:solidFill>
                  <a:schemeClr val="tx1"/>
                </a:solidFill>
              </a:rPr>
              <a:t>The Subsumption Architectur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3F144EA-0528-7446-931E-5979DC3DEB16}"/>
              </a:ext>
            </a:extLst>
          </p:cNvPr>
          <p:cNvSpPr txBox="1"/>
          <p:nvPr/>
        </p:nvSpPr>
        <p:spPr>
          <a:xfrm>
            <a:off x="7833568" y="1625486"/>
            <a:ext cx="373820" cy="267765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b="1" dirty="0"/>
              <a:t>?</a:t>
            </a:r>
          </a:p>
          <a:p>
            <a:r>
              <a:rPr lang="en-US" sz="2400" b="1" dirty="0"/>
              <a:t>?</a:t>
            </a:r>
          </a:p>
          <a:p>
            <a:r>
              <a:rPr lang="en-US" sz="2400" b="1" dirty="0"/>
              <a:t>?</a:t>
            </a:r>
          </a:p>
          <a:p>
            <a:r>
              <a:rPr lang="en-US" sz="2400" b="1" dirty="0"/>
              <a:t>?</a:t>
            </a:r>
          </a:p>
          <a:p>
            <a:r>
              <a:rPr lang="en-US" sz="2400" b="1" dirty="0"/>
              <a:t>?</a:t>
            </a:r>
          </a:p>
          <a:p>
            <a:r>
              <a:rPr lang="en-US" sz="2400" b="1" dirty="0"/>
              <a:t>?</a:t>
            </a:r>
          </a:p>
          <a:p>
            <a:r>
              <a:rPr lang="en-US" sz="2400" b="1" dirty="0"/>
              <a:t>?</a:t>
            </a:r>
          </a:p>
        </p:txBody>
      </p:sp>
      <p:sp>
        <p:nvSpPr>
          <p:cNvPr id="9" name="Pentagon 8">
            <a:extLst>
              <a:ext uri="{FF2B5EF4-FFF2-40B4-BE49-F238E27FC236}">
                <a16:creationId xmlns:a16="http://schemas.microsoft.com/office/drawing/2014/main" id="{06E2298B-58C3-4941-97C4-76ED34490D6C}"/>
              </a:ext>
            </a:extLst>
          </p:cNvPr>
          <p:cNvSpPr/>
          <p:nvPr/>
        </p:nvSpPr>
        <p:spPr>
          <a:xfrm>
            <a:off x="2256204" y="1817618"/>
            <a:ext cx="4788754" cy="130257"/>
          </a:xfrm>
          <a:prstGeom prst="homePlate">
            <a:avLst/>
          </a:prstGeom>
          <a:solidFill>
            <a:srgbClr val="BAE0EA"/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>
                <a:solidFill>
                  <a:schemeClr val="tx1"/>
                </a:solidFill>
              </a:rPr>
              <a:t>Expert Systems	(Knowledge Representation)</a:t>
            </a:r>
          </a:p>
        </p:txBody>
      </p:sp>
      <p:sp>
        <p:nvSpPr>
          <p:cNvPr id="11" name="Pentagon 10">
            <a:extLst>
              <a:ext uri="{FF2B5EF4-FFF2-40B4-BE49-F238E27FC236}">
                <a16:creationId xmlns:a16="http://schemas.microsoft.com/office/drawing/2014/main" id="{4A6D4CD4-1AC1-544A-83C7-BDD2EFCF3B7B}"/>
              </a:ext>
            </a:extLst>
          </p:cNvPr>
          <p:cNvSpPr/>
          <p:nvPr/>
        </p:nvSpPr>
        <p:spPr>
          <a:xfrm>
            <a:off x="1428334" y="1668527"/>
            <a:ext cx="5616624" cy="130257"/>
          </a:xfrm>
          <a:prstGeom prst="homePlate">
            <a:avLst/>
          </a:prstGeom>
          <a:solidFill>
            <a:srgbClr val="449DC2"/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>
                <a:solidFill>
                  <a:schemeClr val="bg1"/>
                </a:solidFill>
              </a:rPr>
              <a:t>Symbolic Logic &amp; Reasoning</a:t>
            </a:r>
          </a:p>
        </p:txBody>
      </p:sp>
      <p:sp>
        <p:nvSpPr>
          <p:cNvPr id="13" name="Pentagon 12">
            <a:extLst>
              <a:ext uri="{FF2B5EF4-FFF2-40B4-BE49-F238E27FC236}">
                <a16:creationId xmlns:a16="http://schemas.microsoft.com/office/drawing/2014/main" id="{169A91E1-F9FA-0445-AAF1-4BC46CC1623D}"/>
              </a:ext>
            </a:extLst>
          </p:cNvPr>
          <p:cNvSpPr/>
          <p:nvPr/>
        </p:nvSpPr>
        <p:spPr>
          <a:xfrm>
            <a:off x="4601481" y="4018131"/>
            <a:ext cx="2443477" cy="125197"/>
          </a:xfrm>
          <a:prstGeom prst="homePlate">
            <a:avLst/>
          </a:prstGeom>
          <a:solidFill>
            <a:schemeClr val="bg2">
              <a:lumMod val="90000"/>
            </a:schemeClr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>
                <a:solidFill>
                  <a:schemeClr val="tx1"/>
                </a:solidFill>
              </a:rPr>
              <a:t>Support Vector Machines</a:t>
            </a:r>
          </a:p>
        </p:txBody>
      </p:sp>
      <p:sp>
        <p:nvSpPr>
          <p:cNvPr id="14" name="Pentagon 13">
            <a:extLst>
              <a:ext uri="{FF2B5EF4-FFF2-40B4-BE49-F238E27FC236}">
                <a16:creationId xmlns:a16="http://schemas.microsoft.com/office/drawing/2014/main" id="{BC8789B9-C461-D347-A262-C427DB45CE36}"/>
              </a:ext>
            </a:extLst>
          </p:cNvPr>
          <p:cNvSpPr/>
          <p:nvPr/>
        </p:nvSpPr>
        <p:spPr>
          <a:xfrm>
            <a:off x="6396886" y="2187790"/>
            <a:ext cx="648072" cy="130257"/>
          </a:xfrm>
          <a:prstGeom prst="homePlate">
            <a:avLst/>
          </a:prstGeom>
          <a:solidFill>
            <a:srgbClr val="BB355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500" b="1" dirty="0"/>
              <a:t>Neuro-Symbolic</a:t>
            </a:r>
          </a:p>
        </p:txBody>
      </p:sp>
      <p:sp>
        <p:nvSpPr>
          <p:cNvPr id="15" name="Pentagon 14">
            <a:extLst>
              <a:ext uri="{FF2B5EF4-FFF2-40B4-BE49-F238E27FC236}">
                <a16:creationId xmlns:a16="http://schemas.microsoft.com/office/drawing/2014/main" id="{41CFD61C-FE5C-1D4E-AA52-6397F80F813D}"/>
              </a:ext>
            </a:extLst>
          </p:cNvPr>
          <p:cNvSpPr/>
          <p:nvPr/>
        </p:nvSpPr>
        <p:spPr>
          <a:xfrm>
            <a:off x="1218499" y="2417045"/>
            <a:ext cx="5826459" cy="154705"/>
          </a:xfrm>
          <a:prstGeom prst="homePlate">
            <a:avLst/>
          </a:prstGeom>
          <a:solidFill>
            <a:srgbClr val="1F6A8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/>
              <a:t>Connectionist AI ► The Perceptron ► The Multilayer Perceptron</a:t>
            </a:r>
          </a:p>
        </p:txBody>
      </p:sp>
      <p:sp>
        <p:nvSpPr>
          <p:cNvPr id="17" name="Pentagon 16">
            <a:extLst>
              <a:ext uri="{FF2B5EF4-FFF2-40B4-BE49-F238E27FC236}">
                <a16:creationId xmlns:a16="http://schemas.microsoft.com/office/drawing/2014/main" id="{E8288D73-1F95-B74A-8B44-E987DFA1ADAF}"/>
              </a:ext>
            </a:extLst>
          </p:cNvPr>
          <p:cNvSpPr/>
          <p:nvPr/>
        </p:nvSpPr>
        <p:spPr>
          <a:xfrm>
            <a:off x="2508454" y="2571750"/>
            <a:ext cx="4536504" cy="130257"/>
          </a:xfrm>
          <a:prstGeom prst="homePlate">
            <a:avLst/>
          </a:prstGeom>
          <a:solidFill>
            <a:srgbClr val="449DC2"/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>
                <a:solidFill>
                  <a:schemeClr val="bg1"/>
                </a:solidFill>
              </a:rPr>
              <a:t>Neural Networks (NNs)	Back-Propagation</a:t>
            </a:r>
          </a:p>
        </p:txBody>
      </p:sp>
      <p:sp>
        <p:nvSpPr>
          <p:cNvPr id="18" name="Pentagon 17">
            <a:extLst>
              <a:ext uri="{FF2B5EF4-FFF2-40B4-BE49-F238E27FC236}">
                <a16:creationId xmlns:a16="http://schemas.microsoft.com/office/drawing/2014/main" id="{18063F3D-4F0F-CC45-AD68-F8140AFFDF97}"/>
              </a:ext>
            </a:extLst>
          </p:cNvPr>
          <p:cNvSpPr/>
          <p:nvPr/>
        </p:nvSpPr>
        <p:spPr>
          <a:xfrm>
            <a:off x="4597133" y="2722083"/>
            <a:ext cx="2447825" cy="130257"/>
          </a:xfrm>
          <a:prstGeom prst="homePlate">
            <a:avLst/>
          </a:prstGeom>
          <a:solidFill>
            <a:srgbClr val="BAE0EA"/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>
                <a:solidFill>
                  <a:schemeClr val="tx1"/>
                </a:solidFill>
              </a:rPr>
              <a:t>Recurrent NNs &amp; </a:t>
            </a:r>
            <a:r>
              <a:rPr lang="en-US" sz="600" b="1">
                <a:solidFill>
                  <a:schemeClr val="tx1"/>
                </a:solidFill>
              </a:rPr>
              <a:t>LSTM </a:t>
            </a:r>
            <a:endParaRPr lang="en-US" sz="600" b="1" dirty="0">
              <a:solidFill>
                <a:schemeClr val="tx1"/>
              </a:solidFill>
            </a:endParaRPr>
          </a:p>
        </p:txBody>
      </p:sp>
      <p:sp>
        <p:nvSpPr>
          <p:cNvPr id="19" name="Pentagon 18">
            <a:extLst>
              <a:ext uri="{FF2B5EF4-FFF2-40B4-BE49-F238E27FC236}">
                <a16:creationId xmlns:a16="http://schemas.microsoft.com/office/drawing/2014/main" id="{6CAC906A-2A18-114A-BA4E-647C186D4EAE}"/>
              </a:ext>
            </a:extLst>
          </p:cNvPr>
          <p:cNvSpPr/>
          <p:nvPr/>
        </p:nvSpPr>
        <p:spPr>
          <a:xfrm>
            <a:off x="5244758" y="2873677"/>
            <a:ext cx="1800200" cy="130257"/>
          </a:xfrm>
          <a:prstGeom prst="homePlate">
            <a:avLst/>
          </a:prstGeom>
          <a:solidFill>
            <a:srgbClr val="DBEEF3"/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>
                <a:solidFill>
                  <a:schemeClr val="tx1"/>
                </a:solidFill>
              </a:rPr>
              <a:t>Deep Learning</a:t>
            </a:r>
            <a:endParaRPr lang="en-US" sz="600" b="1" dirty="0">
              <a:solidFill>
                <a:schemeClr val="tx1"/>
              </a:solidFill>
            </a:endParaRPr>
          </a:p>
        </p:txBody>
      </p:sp>
      <p:sp>
        <p:nvSpPr>
          <p:cNvPr id="21" name="5-point Star 20">
            <a:extLst>
              <a:ext uri="{FF2B5EF4-FFF2-40B4-BE49-F238E27FC236}">
                <a16:creationId xmlns:a16="http://schemas.microsoft.com/office/drawing/2014/main" id="{4F9C384B-28A8-EE40-AD2C-F9EBDF48288E}"/>
              </a:ext>
            </a:extLst>
          </p:cNvPr>
          <p:cNvSpPr/>
          <p:nvPr/>
        </p:nvSpPr>
        <p:spPr>
          <a:xfrm>
            <a:off x="839192" y="1523946"/>
            <a:ext cx="288615" cy="255971"/>
          </a:xfrm>
          <a:prstGeom prst="star5">
            <a:avLst>
              <a:gd name="adj" fmla="val 17274"/>
              <a:gd name="hf" fmla="val 105146"/>
              <a:gd name="vf" fmla="val 110557"/>
            </a:avLst>
          </a:prstGeom>
          <a:solidFill>
            <a:srgbClr val="BB355D"/>
          </a:soli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3998011-66F2-6B44-BCA1-BC266747D807}"/>
              </a:ext>
            </a:extLst>
          </p:cNvPr>
          <p:cNvSpPr txBox="1"/>
          <p:nvPr/>
        </p:nvSpPr>
        <p:spPr>
          <a:xfrm>
            <a:off x="748499" y="1793633"/>
            <a:ext cx="47000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b="1" dirty="0"/>
              <a:t>Birth</a:t>
            </a:r>
          </a:p>
          <a:p>
            <a:r>
              <a:rPr lang="en-US" sz="800" b="1" dirty="0"/>
              <a:t>of AI</a:t>
            </a:r>
          </a:p>
        </p:txBody>
      </p:sp>
      <p:sp>
        <p:nvSpPr>
          <p:cNvPr id="24" name="Pentagon 23">
            <a:extLst>
              <a:ext uri="{FF2B5EF4-FFF2-40B4-BE49-F238E27FC236}">
                <a16:creationId xmlns:a16="http://schemas.microsoft.com/office/drawing/2014/main" id="{D4A7FF5B-26E5-8240-8E81-A7A94587AC03}"/>
              </a:ext>
            </a:extLst>
          </p:cNvPr>
          <p:cNvSpPr/>
          <p:nvPr/>
        </p:nvSpPr>
        <p:spPr>
          <a:xfrm>
            <a:off x="1937184" y="3374277"/>
            <a:ext cx="5107774" cy="130257"/>
          </a:xfrm>
          <a:prstGeom prst="homePlate">
            <a:avLst/>
          </a:prstGeom>
          <a:solidFill>
            <a:srgbClr val="1F6A8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/>
              <a:t>Other Statistical Learning</a:t>
            </a:r>
          </a:p>
        </p:txBody>
      </p:sp>
      <p:sp>
        <p:nvSpPr>
          <p:cNvPr id="25" name="Pentagon 24">
            <a:extLst>
              <a:ext uri="{FF2B5EF4-FFF2-40B4-BE49-F238E27FC236}">
                <a16:creationId xmlns:a16="http://schemas.microsoft.com/office/drawing/2014/main" id="{5EB5A948-9B1C-064E-A117-012E64907EA3}"/>
              </a:ext>
            </a:extLst>
          </p:cNvPr>
          <p:cNvSpPr/>
          <p:nvPr/>
        </p:nvSpPr>
        <p:spPr>
          <a:xfrm>
            <a:off x="1937185" y="3534028"/>
            <a:ext cx="5107773" cy="130257"/>
          </a:xfrm>
          <a:prstGeom prst="homePlate">
            <a:avLst/>
          </a:prstGeom>
          <a:solidFill>
            <a:srgbClr val="449DC2"/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>
                <a:solidFill>
                  <a:schemeClr val="bg1"/>
                </a:solidFill>
              </a:rPr>
              <a:t>Reinforcement Learning</a:t>
            </a:r>
          </a:p>
        </p:txBody>
      </p:sp>
      <p:sp>
        <p:nvSpPr>
          <p:cNvPr id="26" name="Pentagon 25">
            <a:extLst>
              <a:ext uri="{FF2B5EF4-FFF2-40B4-BE49-F238E27FC236}">
                <a16:creationId xmlns:a16="http://schemas.microsoft.com/office/drawing/2014/main" id="{CADA955E-3AC5-EF43-A7EF-EC2CE8141B84}"/>
              </a:ext>
            </a:extLst>
          </p:cNvPr>
          <p:cNvSpPr/>
          <p:nvPr/>
        </p:nvSpPr>
        <p:spPr>
          <a:xfrm>
            <a:off x="3652676" y="3693955"/>
            <a:ext cx="3392282" cy="130257"/>
          </a:xfrm>
          <a:prstGeom prst="homePlate">
            <a:avLst/>
          </a:prstGeom>
          <a:solidFill>
            <a:srgbClr val="BAE0EA"/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>
                <a:solidFill>
                  <a:schemeClr val="tx1"/>
                </a:solidFill>
              </a:rPr>
              <a:t>Bayesian Networks &amp; Reasoning under uncertainty</a:t>
            </a:r>
          </a:p>
        </p:txBody>
      </p:sp>
      <p:sp>
        <p:nvSpPr>
          <p:cNvPr id="27" name="Pentagon 26">
            <a:extLst>
              <a:ext uri="{FF2B5EF4-FFF2-40B4-BE49-F238E27FC236}">
                <a16:creationId xmlns:a16="http://schemas.microsoft.com/office/drawing/2014/main" id="{2E49B07A-9FCA-DD4D-9FB7-BFD7E0EAF289}"/>
              </a:ext>
            </a:extLst>
          </p:cNvPr>
          <p:cNvSpPr/>
          <p:nvPr/>
        </p:nvSpPr>
        <p:spPr>
          <a:xfrm>
            <a:off x="3953409" y="3852860"/>
            <a:ext cx="3091549" cy="130257"/>
          </a:xfrm>
          <a:prstGeom prst="homePlate">
            <a:avLst/>
          </a:prstGeom>
          <a:solidFill>
            <a:srgbClr val="DBEEF3"/>
          </a:solidFill>
          <a:ln w="3175">
            <a:solidFill>
              <a:srgbClr val="1F6A8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b="1" dirty="0">
                <a:solidFill>
                  <a:schemeClr val="tx1"/>
                </a:solidFill>
              </a:rPr>
              <a:t>Decision Trees &amp; Random Forests</a:t>
            </a:r>
          </a:p>
        </p:txBody>
      </p:sp>
      <p:sp>
        <p:nvSpPr>
          <p:cNvPr id="28" name="Pentagon 27">
            <a:extLst>
              <a:ext uri="{FF2B5EF4-FFF2-40B4-BE49-F238E27FC236}">
                <a16:creationId xmlns:a16="http://schemas.microsoft.com/office/drawing/2014/main" id="{18BC93AC-9D44-1842-9944-3DDA4F73DCB2}"/>
              </a:ext>
            </a:extLst>
          </p:cNvPr>
          <p:cNvSpPr/>
          <p:nvPr/>
        </p:nvSpPr>
        <p:spPr>
          <a:xfrm>
            <a:off x="6396886" y="3097659"/>
            <a:ext cx="648072" cy="173372"/>
          </a:xfrm>
          <a:prstGeom prst="homePlate">
            <a:avLst/>
          </a:prstGeom>
          <a:solidFill>
            <a:srgbClr val="BB355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500" b="1" dirty="0"/>
              <a:t>Deep-Reinforcement</a:t>
            </a:r>
          </a:p>
        </p:txBody>
      </p:sp>
      <p:sp>
        <p:nvSpPr>
          <p:cNvPr id="29" name="Pentagon 28">
            <a:extLst>
              <a:ext uri="{FF2B5EF4-FFF2-40B4-BE49-F238E27FC236}">
                <a16:creationId xmlns:a16="http://schemas.microsoft.com/office/drawing/2014/main" id="{7295D2DF-2D92-5F4A-8280-B3B689093971}"/>
              </a:ext>
            </a:extLst>
          </p:cNvPr>
          <p:cNvSpPr/>
          <p:nvPr/>
        </p:nvSpPr>
        <p:spPr>
          <a:xfrm>
            <a:off x="1218498" y="4384161"/>
            <a:ext cx="1409286" cy="129225"/>
          </a:xfrm>
          <a:prstGeom prst="homePlate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" b="1" dirty="0"/>
              <a:t>The Golden Age of AI</a:t>
            </a:r>
          </a:p>
        </p:txBody>
      </p:sp>
      <p:sp>
        <p:nvSpPr>
          <p:cNvPr id="30" name="Pentagon 29">
            <a:extLst>
              <a:ext uri="{FF2B5EF4-FFF2-40B4-BE49-F238E27FC236}">
                <a16:creationId xmlns:a16="http://schemas.microsoft.com/office/drawing/2014/main" id="{05D1BB47-A23A-2445-A052-641DDD273161}"/>
              </a:ext>
            </a:extLst>
          </p:cNvPr>
          <p:cNvSpPr/>
          <p:nvPr/>
        </p:nvSpPr>
        <p:spPr>
          <a:xfrm>
            <a:off x="2838396" y="4383738"/>
            <a:ext cx="660030" cy="130680"/>
          </a:xfrm>
          <a:prstGeom prst="homePlate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600" b="1" dirty="0"/>
              <a:t>1</a:t>
            </a:r>
            <a:r>
              <a:rPr lang="en-US" sz="600" b="1" baseline="30000" dirty="0"/>
              <a:t>st</a:t>
            </a:r>
            <a:r>
              <a:rPr lang="en-US" sz="600" b="1" dirty="0"/>
              <a:t> AI Winter</a:t>
            </a:r>
          </a:p>
        </p:txBody>
      </p:sp>
      <p:sp>
        <p:nvSpPr>
          <p:cNvPr id="31" name="Pentagon 30">
            <a:extLst>
              <a:ext uri="{FF2B5EF4-FFF2-40B4-BE49-F238E27FC236}">
                <a16:creationId xmlns:a16="http://schemas.microsoft.com/office/drawing/2014/main" id="{9B6AE4C9-1DDA-7342-B330-F58D6EE8A8A2}"/>
              </a:ext>
            </a:extLst>
          </p:cNvPr>
          <p:cNvSpPr/>
          <p:nvPr/>
        </p:nvSpPr>
        <p:spPr>
          <a:xfrm>
            <a:off x="3763132" y="4386181"/>
            <a:ext cx="654618" cy="130257"/>
          </a:xfrm>
          <a:prstGeom prst="homePlate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600" b="1" dirty="0"/>
              <a:t>2</a:t>
            </a:r>
            <a:r>
              <a:rPr lang="en-US" sz="600" b="1" baseline="30000" dirty="0"/>
              <a:t>nd</a:t>
            </a:r>
            <a:r>
              <a:rPr lang="en-US" sz="600" b="1" dirty="0"/>
              <a:t> AI Winter</a:t>
            </a:r>
          </a:p>
        </p:txBody>
      </p:sp>
      <p:sp>
        <p:nvSpPr>
          <p:cNvPr id="32" name="Pentagon 31">
            <a:extLst>
              <a:ext uri="{FF2B5EF4-FFF2-40B4-BE49-F238E27FC236}">
                <a16:creationId xmlns:a16="http://schemas.microsoft.com/office/drawing/2014/main" id="{D24ACE3C-A3C4-8448-8C7A-E2F4B622C51D}"/>
              </a:ext>
            </a:extLst>
          </p:cNvPr>
          <p:cNvSpPr/>
          <p:nvPr/>
        </p:nvSpPr>
        <p:spPr>
          <a:xfrm>
            <a:off x="5182273" y="4383738"/>
            <a:ext cx="1862685" cy="140381"/>
          </a:xfrm>
          <a:prstGeom prst="homePlate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600" b="1" dirty="0"/>
              <a:t>Broadband / Big-Data / Big-Compute</a:t>
            </a:r>
          </a:p>
        </p:txBody>
      </p:sp>
      <p:cxnSp>
        <p:nvCxnSpPr>
          <p:cNvPr id="7" name="Elbow Connector 6">
            <a:extLst>
              <a:ext uri="{FF2B5EF4-FFF2-40B4-BE49-F238E27FC236}">
                <a16:creationId xmlns:a16="http://schemas.microsoft.com/office/drawing/2014/main" id="{F054AA2F-B2C3-AE43-95B2-3FB513D3D31C}"/>
              </a:ext>
            </a:extLst>
          </p:cNvPr>
          <p:cNvCxnSpPr>
            <a:cxnSpLocks/>
            <a:endCxn id="14" idx="1"/>
          </p:cNvCxnSpPr>
          <p:nvPr/>
        </p:nvCxnSpPr>
        <p:spPr>
          <a:xfrm flipV="1">
            <a:off x="5796138" y="2252919"/>
            <a:ext cx="600748" cy="390840"/>
          </a:xfrm>
          <a:prstGeom prst="bentConnector3">
            <a:avLst>
              <a:gd name="adj1" fmla="val 45763"/>
            </a:avLst>
          </a:prstGeom>
          <a:ln w="3175">
            <a:solidFill>
              <a:schemeClr val="tx1"/>
            </a:solidFill>
            <a:headEnd type="oval" w="sm" len="sm"/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Elbow Connector 32">
            <a:extLst>
              <a:ext uri="{FF2B5EF4-FFF2-40B4-BE49-F238E27FC236}">
                <a16:creationId xmlns:a16="http://schemas.microsoft.com/office/drawing/2014/main" id="{5EAEC1C2-76D6-1745-9BF8-694EA633CB3B}"/>
              </a:ext>
            </a:extLst>
          </p:cNvPr>
          <p:cNvCxnSpPr>
            <a:cxnSpLocks/>
            <a:endCxn id="14" idx="1"/>
          </p:cNvCxnSpPr>
          <p:nvPr/>
        </p:nvCxnSpPr>
        <p:spPr>
          <a:xfrm>
            <a:off x="5795214" y="1744581"/>
            <a:ext cx="601672" cy="508338"/>
          </a:xfrm>
          <a:prstGeom prst="bentConnector3">
            <a:avLst>
              <a:gd name="adj1" fmla="val 45572"/>
            </a:avLst>
          </a:prstGeom>
          <a:ln w="3175">
            <a:solidFill>
              <a:schemeClr val="tx1"/>
            </a:solidFill>
            <a:headEnd type="oval" w="sm" len="sm"/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Elbow Connector 35">
            <a:extLst>
              <a:ext uri="{FF2B5EF4-FFF2-40B4-BE49-F238E27FC236}">
                <a16:creationId xmlns:a16="http://schemas.microsoft.com/office/drawing/2014/main" id="{9A1843B3-9EA0-CC42-89A7-62BE3BA69740}"/>
              </a:ext>
            </a:extLst>
          </p:cNvPr>
          <p:cNvCxnSpPr>
            <a:cxnSpLocks/>
          </p:cNvCxnSpPr>
          <p:nvPr/>
        </p:nvCxnSpPr>
        <p:spPr>
          <a:xfrm rot="5400000" flipH="1" flipV="1">
            <a:off x="6117117" y="3294443"/>
            <a:ext cx="390839" cy="168700"/>
          </a:xfrm>
          <a:prstGeom prst="bentConnector2">
            <a:avLst/>
          </a:prstGeom>
          <a:ln w="3175">
            <a:solidFill>
              <a:schemeClr val="tx1"/>
            </a:solidFill>
            <a:headEnd type="oval" w="sm" len="sm"/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Elbow Connector 36">
            <a:extLst>
              <a:ext uri="{FF2B5EF4-FFF2-40B4-BE49-F238E27FC236}">
                <a16:creationId xmlns:a16="http://schemas.microsoft.com/office/drawing/2014/main" id="{AC823DA6-E54D-204F-BA1E-7FF8C4C9F995}"/>
              </a:ext>
            </a:extLst>
          </p:cNvPr>
          <p:cNvCxnSpPr>
            <a:cxnSpLocks/>
            <a:endCxn id="28" idx="1"/>
          </p:cNvCxnSpPr>
          <p:nvPr/>
        </p:nvCxnSpPr>
        <p:spPr>
          <a:xfrm rot="16200000" flipH="1">
            <a:off x="6187834" y="2975293"/>
            <a:ext cx="249406" cy="168698"/>
          </a:xfrm>
          <a:prstGeom prst="bentConnector2">
            <a:avLst/>
          </a:prstGeom>
          <a:ln w="3175">
            <a:solidFill>
              <a:schemeClr val="tx1"/>
            </a:solidFill>
            <a:headEnd type="oval" w="sm" len="sm"/>
            <a:tailEnd type="triangle" w="sm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62037953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232252-9499-9513-067C-902F4324C9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e are at a Turning Point in the History of AI/ML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DB71F92-D673-5BDA-0C31-34AE791C970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marL="0" marR="0" lvl="0" indent="0" algn="r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Page </a:t>
            </a:r>
            <a:fld id="{F6D6BDF2-272F-4256-ACF1-DEAEC48BAB75}" type="slidenum">
              <a:rPr kumimoji="0" lang="de-CH" sz="6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pPr marL="0" marR="0" lvl="0" indent="0" algn="r" defTabSz="17145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0</a:t>
            </a:fld>
            <a:endParaRPr kumimoji="0" lang="de-CH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E0AC70-5B9C-DF60-3714-ADCD2E062F8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AI/ML</a:t>
            </a: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B8F7B77F-038A-5AB5-9347-85FBBD93514D}"/>
              </a:ext>
            </a:extLst>
          </p:cNvPr>
          <p:cNvGrpSpPr/>
          <p:nvPr/>
        </p:nvGrpSpPr>
        <p:grpSpPr>
          <a:xfrm>
            <a:off x="4572000" y="1073997"/>
            <a:ext cx="4031488" cy="1077115"/>
            <a:chOff x="4572000" y="1073997"/>
            <a:chExt cx="4031488" cy="1077115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95CB0A59-F374-90D4-8897-B14AE51D22C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4572000" y="1073997"/>
              <a:ext cx="4031488" cy="1077115"/>
            </a:xfrm>
            <a:prstGeom prst="rect">
              <a:avLst/>
            </a:prstGeom>
          </p:spPr>
        </p:pic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129BC54A-EC16-B282-2571-B554A561DB2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176417" y="1089694"/>
              <a:ext cx="1700112" cy="314558"/>
            </a:xfrm>
            <a:prstGeom prst="rect">
              <a:avLst/>
            </a:prstGeom>
          </p:spPr>
        </p:pic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8D80E54A-6EA8-F0C8-3189-458870C31594}"/>
                </a:ext>
              </a:extLst>
            </p:cNvPr>
            <p:cNvSpPr/>
            <p:nvPr/>
          </p:nvSpPr>
          <p:spPr>
            <a:xfrm>
              <a:off x="7351776" y="1262670"/>
              <a:ext cx="411480" cy="157279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7145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7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Verdana"/>
                <a:cs typeface="Segoe UI Light"/>
              </a:endParaRPr>
            </a:p>
          </p:txBody>
        </p:sp>
      </p:grpSp>
      <p:pic>
        <p:nvPicPr>
          <p:cNvPr id="19462" name="Picture 6" descr="The Future of AI: OpenAI's ChatGPT Model - Neudesic">
            <a:extLst>
              <a:ext uri="{FF2B5EF4-FFF2-40B4-BE49-F238E27FC236}">
                <a16:creationId xmlns:a16="http://schemas.microsoft.com/office/drawing/2014/main" id="{1E2D1A6A-2C94-A982-9719-5B771E7A94E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8775" y="950914"/>
            <a:ext cx="3600450" cy="36004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Source: @JordiCabot">
            <a:extLst>
              <a:ext uri="{FF2B5EF4-FFF2-40B4-BE49-F238E27FC236}">
                <a16:creationId xmlns:a16="http://schemas.microsoft.com/office/drawing/2014/main" id="{EA0099A2-298E-497D-8769-18EAD222AA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192" t="3933" r="10738" b="8225"/>
          <a:stretch/>
        </p:blipFill>
        <p:spPr bwMode="auto">
          <a:xfrm>
            <a:off x="5088673" y="2353794"/>
            <a:ext cx="2998141" cy="22102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45771853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9122C3-DB7A-FB03-333B-92952992E0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rings risks as well as opportunitie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79662C5-9725-5D26-544D-211FBEEFA03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CH"/>
              <a:t>Page </a:t>
            </a:r>
            <a:fld id="{F6D6BDF2-272F-4256-ACF1-DEAEC48BAB75}" type="slidenum">
              <a:rPr lang="de-CH" smtClean="0"/>
              <a:pPr/>
              <a:t>41</a:t>
            </a:fld>
            <a:endParaRPr lang="de-CH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F70444D-8328-A146-7777-217D797180C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/>
              <a:t>AI/ML</a:t>
            </a:r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76991D6-4A18-1F8C-494E-8346675452D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2048"/>
          <a:stretch/>
        </p:blipFill>
        <p:spPr>
          <a:xfrm>
            <a:off x="351547" y="1126864"/>
            <a:ext cx="4205772" cy="372055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123F835-D972-E7C4-A9C2-E3ED41DAA8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16463" y="1271389"/>
            <a:ext cx="4379682" cy="35859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2254061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D20683-EE63-4270-B9EF-B1093FA668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ap of Today’s Lectur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E855AFC-4C34-E876-7AE5-5B61E297CB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CH"/>
              <a:t>Page </a:t>
            </a:r>
            <a:fld id="{F6D6BDF2-272F-4256-ACF1-DEAEC48BAB75}" type="slidenum">
              <a:rPr lang="de-CH" smtClean="0"/>
              <a:pPr/>
              <a:t>42</a:t>
            </a:fld>
            <a:endParaRPr lang="de-CH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EE146A-9A6D-8FEF-A4CB-3D580E48F2D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/>
              <a:t>AI/ML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7B6553A-9934-D945-48B4-FF6DEF293184}"/>
              </a:ext>
            </a:extLst>
          </p:cNvPr>
          <p:cNvSpPr txBox="1"/>
          <p:nvPr/>
        </p:nvSpPr>
        <p:spPr>
          <a:xfrm>
            <a:off x="611189" y="1131888"/>
            <a:ext cx="3816350" cy="31085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8000" indent="-288000">
              <a:buFont typeface="+mj-lt"/>
              <a:buAutoNum type="alphaUcPeriod"/>
            </a:pPr>
            <a:r>
              <a:rPr lang="en-US" sz="1400" dirty="0"/>
              <a:t>Machine Learning in the Context of Artificial Intelligence (AI)</a:t>
            </a:r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  <a:p>
            <a:pPr marL="288000" indent="-288000">
              <a:buFont typeface="+mj-lt"/>
              <a:buAutoNum type="alphaUcPeriod"/>
            </a:pPr>
            <a:r>
              <a:rPr lang="en-US" sz="1400" dirty="0"/>
              <a:t>The Connectionists: Artificial Neural Networks (ANN’s), Machine Learning (ML) and Deep Learning (NN)</a:t>
            </a:r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  <a:p>
            <a:pPr marL="288000" indent="-288000">
              <a:buFont typeface="+mj-lt"/>
              <a:buAutoNum type="alphaUcPeriod"/>
            </a:pPr>
            <a:r>
              <a:rPr lang="en-US" sz="1400" dirty="0"/>
              <a:t>Three Pillars of Machine Learning: Data, Algorithms &amp; Processing Power</a:t>
            </a:r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  <a:p>
            <a:pPr marL="288000" indent="-288000">
              <a:buFont typeface="+mj-lt"/>
              <a:buAutoNum type="alphaUcPeriod"/>
            </a:pPr>
            <a:r>
              <a:rPr lang="en-US" sz="1400" dirty="0"/>
              <a:t>Machine Learning Today: Progress, State-of-the-Art &amp; Challenges</a:t>
            </a:r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  <a:p>
            <a:pPr marL="288000" indent="-288000">
              <a:buFont typeface="+mj-lt"/>
              <a:buAutoNum type="alphaUcPeriod"/>
            </a:pPr>
            <a:endParaRPr lang="en-US" sz="1400" dirty="0"/>
          </a:p>
        </p:txBody>
      </p:sp>
      <p:pic>
        <p:nvPicPr>
          <p:cNvPr id="6" name="Picture 2" descr="Trained a Neural Net">
            <a:extLst>
              <a:ext uri="{FF2B5EF4-FFF2-40B4-BE49-F238E27FC236}">
                <a16:creationId xmlns:a16="http://schemas.microsoft.com/office/drawing/2014/main" id="{BD4C5D0E-56BF-38ED-734D-F067589268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6336" y="1131888"/>
            <a:ext cx="2444750" cy="36004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38A60EBF-0FA1-4059-C1A5-EADB6335104A}"/>
              </a:ext>
            </a:extLst>
          </p:cNvPr>
          <p:cNvSpPr/>
          <p:nvPr/>
        </p:nvSpPr>
        <p:spPr>
          <a:xfrm>
            <a:off x="358775" y="4653207"/>
            <a:ext cx="1124026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US" sz="600" dirty="0">
                <a:hlinkClick r:id="rId3"/>
              </a:rPr>
              <a:t>https://xkcd.com/2173/</a:t>
            </a:r>
            <a:endParaRPr lang="en-US" sz="600" dirty="0"/>
          </a:p>
          <a:p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1262394428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A0EB08-0AE1-F5EF-E7D7-0AFFF5935C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Questions to Think About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4EF3684-44C6-78BB-AF7F-E79E7BF195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de-CH"/>
              <a:t>Page </a:t>
            </a:r>
            <a:fld id="{F6D6BDF2-272F-4256-ACF1-DEAEC48BAB75}" type="slidenum">
              <a:rPr lang="de-CH" smtClean="0"/>
              <a:pPr/>
              <a:t>43</a:t>
            </a:fld>
            <a:endParaRPr lang="de-CH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522AA-6394-829B-0A0E-860CECA71EF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/>
              <a:t>AI/ML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B70932C-DD2C-0F6D-52EA-094C6738F3CF}"/>
              </a:ext>
            </a:extLst>
          </p:cNvPr>
          <p:cNvSpPr txBox="1"/>
          <p:nvPr/>
        </p:nvSpPr>
        <p:spPr>
          <a:xfrm>
            <a:off x="611188" y="1131888"/>
            <a:ext cx="5616996" cy="33650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8000" indent="-288000">
              <a:spcAft>
                <a:spcPts val="1000"/>
              </a:spcAft>
              <a:buFont typeface="Wingdings" pitchFamily="2" charset="2"/>
              <a:buChar char="§"/>
            </a:pPr>
            <a:r>
              <a:rPr lang="en-US" sz="1400" dirty="0"/>
              <a:t>What’s the difference between </a:t>
            </a:r>
            <a:r>
              <a:rPr lang="en-US" sz="1400" b="1" dirty="0"/>
              <a:t>AI</a:t>
            </a:r>
            <a:r>
              <a:rPr lang="en-US" sz="1400" dirty="0"/>
              <a:t> and Machine Learning (ML)? What’s the difference between ML and </a:t>
            </a:r>
            <a:r>
              <a:rPr lang="en-US" sz="1400" b="1" dirty="0"/>
              <a:t>Deep Learning </a:t>
            </a:r>
            <a:r>
              <a:rPr lang="en-US" sz="1400" dirty="0"/>
              <a:t>(DL)? We had </a:t>
            </a:r>
            <a:r>
              <a:rPr lang="en-US" sz="1400" b="1" dirty="0"/>
              <a:t>Neural Nets </a:t>
            </a:r>
            <a:r>
              <a:rPr lang="en-US" sz="1400" dirty="0"/>
              <a:t>in the 1980s, but not DL – why not?</a:t>
            </a:r>
          </a:p>
          <a:p>
            <a:pPr marL="288000" indent="-288000">
              <a:spcAft>
                <a:spcPts val="1000"/>
              </a:spcAft>
              <a:buFont typeface="Wingdings" pitchFamily="2" charset="2"/>
              <a:buChar char="§"/>
            </a:pPr>
            <a:r>
              <a:rPr lang="en-GB" sz="1400" dirty="0"/>
              <a:t>The average </a:t>
            </a:r>
            <a:r>
              <a:rPr lang="en-GB" sz="1400" b="1" dirty="0"/>
              <a:t>power consumption</a:t>
            </a:r>
            <a:r>
              <a:rPr lang="en-GB" sz="1400" dirty="0"/>
              <a:t> of a typical adult is 100 Watts and the </a:t>
            </a:r>
            <a:r>
              <a:rPr lang="en-GB" sz="1400" b="1" dirty="0"/>
              <a:t>brain consumes</a:t>
            </a:r>
            <a:r>
              <a:rPr lang="en-GB" sz="1400" dirty="0"/>
              <a:t> 20% of this making the </a:t>
            </a:r>
            <a:r>
              <a:rPr lang="en-GB" sz="1400" b="1" dirty="0"/>
              <a:t>power</a:t>
            </a:r>
            <a:r>
              <a:rPr lang="en-GB" sz="1400" dirty="0"/>
              <a:t> of the </a:t>
            </a:r>
            <a:r>
              <a:rPr lang="en-GB" sz="1400" b="1" dirty="0"/>
              <a:t>brain</a:t>
            </a:r>
            <a:r>
              <a:rPr lang="en-GB" sz="1400" dirty="0"/>
              <a:t> 20W, about the same as a light-bulb. How do you think we could get modern machine learning algorithms to work at this level of efficiency?</a:t>
            </a:r>
            <a:endParaRPr lang="en-US" sz="1400" dirty="0"/>
          </a:p>
          <a:p>
            <a:pPr marL="288000" indent="-288000">
              <a:spcAft>
                <a:spcPts val="1000"/>
              </a:spcAft>
              <a:buFont typeface="Wingdings" pitchFamily="2" charset="2"/>
              <a:buChar char="§"/>
            </a:pPr>
            <a:r>
              <a:rPr lang="en-US" sz="1400" dirty="0"/>
              <a:t>Deep Learning (DL) can learn from large amounts of data to </a:t>
            </a:r>
            <a:r>
              <a:rPr lang="en-US" sz="1400" b="1" dirty="0"/>
              <a:t>automate cognitive tasks</a:t>
            </a:r>
            <a:r>
              <a:rPr lang="en-US" sz="1400" dirty="0"/>
              <a:t> normally requiring a human. For example we can train a DL algorithm to screen CVs for selecting job candidates. </a:t>
            </a:r>
            <a:r>
              <a:rPr lang="en-US" sz="1400" b="1" dirty="0">
                <a:solidFill>
                  <a:srgbClr val="D1026A"/>
                </a:solidFill>
              </a:rPr>
              <a:t>Can you think of any negative consequences of this</a:t>
            </a:r>
            <a:r>
              <a:rPr lang="en-US" sz="1400" dirty="0"/>
              <a:t>?</a:t>
            </a:r>
          </a:p>
        </p:txBody>
      </p:sp>
      <p:pic>
        <p:nvPicPr>
          <p:cNvPr id="6" name="Picture 2" descr="Machine Learning Captcha">
            <a:extLst>
              <a:ext uri="{FF2B5EF4-FFF2-40B4-BE49-F238E27FC236}">
                <a16:creationId xmlns:a16="http://schemas.microsoft.com/office/drawing/2014/main" id="{426C2B58-B921-BB22-0368-143E289D39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16152" y="1203598"/>
            <a:ext cx="1772197" cy="32403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98B6A3F-4B23-9158-ED1A-0C926C013D92}"/>
              </a:ext>
            </a:extLst>
          </p:cNvPr>
          <p:cNvSpPr/>
          <p:nvPr/>
        </p:nvSpPr>
        <p:spPr>
          <a:xfrm>
            <a:off x="358775" y="4687985"/>
            <a:ext cx="1368524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US" sz="600" dirty="0">
                <a:hlinkClick r:id="rId3"/>
              </a:rPr>
              <a:t>https://xkcd.com/2228/</a:t>
            </a:r>
            <a:endParaRPr lang="en-US" sz="600" dirty="0"/>
          </a:p>
          <a:p>
            <a:endParaRPr lang="en-US" sz="600" dirty="0"/>
          </a:p>
        </p:txBody>
      </p:sp>
    </p:spTree>
    <p:extLst>
      <p:ext uri="{BB962C8B-B14F-4D97-AF65-F5344CB8AC3E}">
        <p14:creationId xmlns:p14="http://schemas.microsoft.com/office/powerpoint/2010/main" val="1379210191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81373E-475D-5177-C208-4EF47D3D30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 you! Any Questions?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72A1B43-0C4F-E460-58F3-C6051CA9DF2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marL="0" marR="0" lvl="0" indent="0" algn="r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Page </a:t>
            </a:r>
            <a:fld id="{F6D6BDF2-272F-4256-ACF1-DEAEC48BAB75}" type="slidenum">
              <a:rPr kumimoji="0" lang="de-CH" sz="6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pPr marL="0" marR="0" lvl="0" indent="0" algn="r" defTabSz="17145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4</a:t>
            </a:fld>
            <a:endParaRPr kumimoji="0" lang="de-CH" sz="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F3AD9BD-0CE5-B9AC-8BEC-6983A0AC08E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AI/ML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1F3A1A4-C12A-C953-008F-73C76BD04FCA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27318"/>
          <a:stretch/>
        </p:blipFill>
        <p:spPr>
          <a:xfrm rot="16200000">
            <a:off x="5398304" y="1397804"/>
            <a:ext cx="5143498" cy="2347894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0CFE28C-1504-65F3-BE7C-BA38D21A7A0A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68287" y="1359320"/>
            <a:ext cx="1591269" cy="1224125"/>
          </a:xfrm>
          <a:prstGeom prst="rect">
            <a:avLst/>
          </a:prstGeom>
        </p:spPr>
      </p:pic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F623FD2-6915-52F0-DEB3-E29DE09AC1E9}"/>
              </a:ext>
            </a:extLst>
          </p:cNvPr>
          <p:cNvCxnSpPr>
            <a:cxnSpLocks/>
          </p:cNvCxnSpPr>
          <p:nvPr/>
        </p:nvCxnSpPr>
        <p:spPr>
          <a:xfrm>
            <a:off x="268287" y="2583445"/>
            <a:ext cx="3960813" cy="0"/>
          </a:xfrm>
          <a:prstGeom prst="line">
            <a:avLst/>
          </a:prstGeom>
          <a:ln>
            <a:solidFill>
              <a:schemeClr val="tx2"/>
            </a:solidFill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DN:Hierarchy|ID:2|Hierarchy:1" title="Ort.DE">
            <a:extLst>
              <a:ext uri="{FF2B5EF4-FFF2-40B4-BE49-F238E27FC236}">
                <a16:creationId xmlns:a16="http://schemas.microsoft.com/office/drawing/2014/main" id="{552B8F92-1E66-4864-CC39-2C3C341B3AF5}"/>
              </a:ext>
            </a:extLst>
          </p:cNvPr>
          <p:cNvSpPr txBox="1"/>
          <p:nvPr/>
        </p:nvSpPr>
        <p:spPr>
          <a:xfrm>
            <a:off x="268287" y="2695570"/>
            <a:ext cx="3960813" cy="1200329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Dr. Donnacha Daly</a:t>
            </a:r>
          </a:p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  <a:hlinkClick r:id="rId4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Head of Bachelor Program in Artificial Intelligence &amp; Machine Learning</a:t>
            </a:r>
          </a:p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Member of the Algorithmic Business (ABIZ) Research Lab</a:t>
            </a:r>
          </a:p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</a:endParaRPr>
          </a:p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Lucerne University of Applied Sciences and Arts</a:t>
            </a:r>
            <a:endParaRPr kumimoji="0" lang="en-GB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cs typeface="Segoe UI Light"/>
              <a:hlinkClick r:id="rId4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cs typeface="Segoe UI Light"/>
              </a:rPr>
              <a:t>School of Computer Science &amp; Information Technology</a:t>
            </a:r>
          </a:p>
          <a:p>
            <a:pPr marL="0" marR="0" lvl="0" indent="0" algn="l" defTabSz="1714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65000"/>
                  <a:lumOff val="35000"/>
                </a:srgbClr>
              </a:solidFill>
              <a:effectLst/>
              <a:uLnTx/>
              <a:uFillTx/>
              <a:latin typeface="Verdana"/>
              <a:cs typeface="Segoe UI Light"/>
              <a:hlinkClick r:id="" action="ppaction://noaction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65000"/>
                    <a:lumOff val="35000"/>
                  </a:srgbClr>
                </a:solidFill>
                <a:effectLst/>
                <a:uLnTx/>
                <a:uFillTx/>
                <a:latin typeface="Verdana"/>
                <a:cs typeface="Segoe UI Light"/>
                <a:hlinkClick r:id="" action="ppaction://noaction"/>
              </a:rPr>
              <a:t>donnacha.daly@hslu.ch</a:t>
            </a: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65000"/>
                    <a:lumOff val="35000"/>
                  </a:srgbClr>
                </a:solidFill>
                <a:effectLst/>
                <a:uLnTx/>
                <a:uFillTx/>
                <a:latin typeface="Verdana"/>
                <a:cs typeface="Segoe UI Light"/>
              </a:rPr>
              <a:t> | </a:t>
            </a: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65000"/>
                    <a:lumOff val="35000"/>
                  </a:srgbClr>
                </a:solidFill>
                <a:effectLst/>
                <a:uLnTx/>
                <a:uFillTx/>
                <a:latin typeface="Verdana"/>
                <a:cs typeface="Segoe UI Light"/>
                <a:hlinkClick r:id="rId5"/>
              </a:rPr>
              <a:t>hslu.ch/bachelor-ai</a:t>
            </a: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65000"/>
                    <a:lumOff val="35000"/>
                  </a:srgbClr>
                </a:solidFill>
                <a:effectLst/>
                <a:uLnTx/>
                <a:uFillTx/>
                <a:latin typeface="Verdana"/>
                <a:cs typeface="Segoe UI Light"/>
              </a:rPr>
              <a:t> | </a:t>
            </a: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65000"/>
                    <a:lumOff val="35000"/>
                  </a:srgbClr>
                </a:solidFill>
                <a:effectLst/>
                <a:uLnTx/>
                <a:uFillTx/>
                <a:latin typeface="Verdana"/>
                <a:cs typeface="Segoe UI Light"/>
                <a:hlinkClick r:id="rId6"/>
              </a:rPr>
              <a:t>www.abiz.ch</a:t>
            </a:r>
            <a:endParaRPr kumimoji="0" lang="en-GB" sz="8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65000"/>
                  <a:lumOff val="35000"/>
                </a:srgbClr>
              </a:solidFill>
              <a:effectLst/>
              <a:uLnTx/>
              <a:uFillTx/>
              <a:latin typeface="Verdana"/>
              <a:cs typeface="Segoe UI Light"/>
            </a:endParaRPr>
          </a:p>
        </p:txBody>
      </p:sp>
    </p:spTree>
    <p:extLst>
      <p:ext uri="{BB962C8B-B14F-4D97-AF65-F5344CB8AC3E}">
        <p14:creationId xmlns:p14="http://schemas.microsoft.com/office/powerpoint/2010/main" val="8763150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179B1A-47DA-DE44-A7B0-4CC9041CB2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Origins of AI</a:t>
            </a:r>
          </a:p>
        </p:txBody>
      </p:sp>
      <p:graphicFrame>
        <p:nvGraphicFramePr>
          <p:cNvPr id="3" name="Table 12">
            <a:extLst>
              <a:ext uri="{FF2B5EF4-FFF2-40B4-BE49-F238E27FC236}">
                <a16:creationId xmlns:a16="http://schemas.microsoft.com/office/drawing/2014/main" id="{9987152F-FC07-8340-A35F-46C45639101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23386906"/>
              </p:ext>
            </p:extLst>
          </p:nvPr>
        </p:nvGraphicFramePr>
        <p:xfrm>
          <a:off x="611188" y="1154758"/>
          <a:ext cx="3600772" cy="364556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74247">
                  <a:extLst>
                    <a:ext uri="{9D8B030D-6E8A-4147-A177-3AD203B41FA5}">
                      <a16:colId xmlns:a16="http://schemas.microsoft.com/office/drawing/2014/main" val="515353133"/>
                    </a:ext>
                  </a:extLst>
                </a:gridCol>
                <a:gridCol w="2526525">
                  <a:extLst>
                    <a:ext uri="{9D8B030D-6E8A-4147-A177-3AD203B41FA5}">
                      <a16:colId xmlns:a16="http://schemas.microsoft.com/office/drawing/2014/main" val="236451077"/>
                    </a:ext>
                  </a:extLst>
                </a:gridCol>
              </a:tblGrid>
              <a:tr h="799492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45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Worlds first programmable computer: ENIAC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3090672"/>
                  </a:ext>
                </a:extLst>
              </a:tr>
              <a:tr h="1050858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5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Alan Turing: </a:t>
                      </a:r>
                      <a:r>
                        <a:rPr lang="en-GB" sz="1400" b="1" dirty="0">
                          <a:solidFill>
                            <a:srgbClr val="449DC2"/>
                          </a:solidFill>
                        </a:rPr>
                        <a:t>The Turing Test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. Can a machine pass itself off as a human in its responses?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47810459"/>
                  </a:ext>
                </a:extLst>
              </a:tr>
              <a:tr h="744357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56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Dartmouth conference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: official birth of AI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64877074"/>
                  </a:ext>
                </a:extLst>
              </a:tr>
              <a:tr h="1050858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60’s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The Golden Years: Interpret the human brain as a machine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09395637"/>
                  </a:ext>
                </a:extLst>
              </a:tr>
            </a:tbl>
          </a:graphicData>
        </a:graphic>
      </p:graphicFrame>
      <p:pic>
        <p:nvPicPr>
          <p:cNvPr id="4" name="Picture 3">
            <a:extLst>
              <a:ext uri="{FF2B5EF4-FFF2-40B4-BE49-F238E27FC236}">
                <a16:creationId xmlns:a16="http://schemas.microsoft.com/office/drawing/2014/main" id="{C2325498-77CD-8740-B03F-38B23823D20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71999" y="1154758"/>
            <a:ext cx="3960813" cy="2432722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D252DC26-766B-E24D-87B0-B96F2B6F7E7A}"/>
              </a:ext>
            </a:extLst>
          </p:cNvPr>
          <p:cNvSpPr/>
          <p:nvPr/>
        </p:nvSpPr>
        <p:spPr>
          <a:xfrm>
            <a:off x="611188" y="4732338"/>
            <a:ext cx="5519878" cy="302211"/>
          </a:xfrm>
          <a:prstGeom prst="rect">
            <a:avLst/>
          </a:prstGeom>
          <a:solidFill>
            <a:schemeClr val="bg1"/>
          </a:solidFill>
        </p:spPr>
        <p:txBody>
          <a:bodyPr wrap="square">
            <a:noAutofit/>
          </a:bodyPr>
          <a:lstStyle/>
          <a:p>
            <a:r>
              <a:rPr lang="en-GB" sz="600" dirty="0">
                <a:hlinkClick r:id="rId3"/>
              </a:rPr>
              <a:t>https://medium.com/rla-academy/dartmouth-workshop-the-birthplace-of-ai-34c533afe992</a:t>
            </a:r>
            <a:endParaRPr lang="en-GB" sz="600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04D50AE-7BAA-5848-BFD3-191974314B27}"/>
              </a:ext>
            </a:extLst>
          </p:cNvPr>
          <p:cNvSpPr/>
          <p:nvPr/>
        </p:nvSpPr>
        <p:spPr>
          <a:xfrm>
            <a:off x="4571998" y="3735068"/>
            <a:ext cx="3960813" cy="707886"/>
          </a:xfrm>
          <a:prstGeom prst="rect">
            <a:avLst/>
          </a:prstGeom>
          <a:solidFill>
            <a:srgbClr val="DBEEF3"/>
          </a:solidFill>
        </p:spPr>
        <p:txBody>
          <a:bodyPr wrap="square" lIns="180000" tIns="46800" rIns="180000" rtlCol="0" anchor="ctr" anchorCtr="0">
            <a:noAutofit/>
          </a:bodyPr>
          <a:lstStyle/>
          <a:p>
            <a:r>
              <a:rPr lang="en-GB" sz="1000" i="1" dirty="0"/>
              <a:t>“The study [of AI] is to proceed on the basis of conjecture that every aspect of learning or any other feature of intelligence can be so precisely described that a machine can be made to simulate it”</a:t>
            </a:r>
          </a:p>
        </p:txBody>
      </p:sp>
    </p:spTree>
    <p:extLst>
      <p:ext uri="{BB962C8B-B14F-4D97-AF65-F5344CB8AC3E}">
        <p14:creationId xmlns:p14="http://schemas.microsoft.com/office/powerpoint/2010/main" val="40653055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59BEC9-5AC2-4E46-A386-E65AB400AF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Golden Years: Logic &amp; Reasoning</a:t>
            </a:r>
          </a:p>
        </p:txBody>
      </p:sp>
      <p:graphicFrame>
        <p:nvGraphicFramePr>
          <p:cNvPr id="3" name="Table 12">
            <a:extLst>
              <a:ext uri="{FF2B5EF4-FFF2-40B4-BE49-F238E27FC236}">
                <a16:creationId xmlns:a16="http://schemas.microsoft.com/office/drawing/2014/main" id="{2EB55039-3091-1D45-BAA2-C236E8394E7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00748359"/>
              </p:ext>
            </p:extLst>
          </p:nvPr>
        </p:nvGraphicFramePr>
        <p:xfrm>
          <a:off x="611188" y="1123740"/>
          <a:ext cx="3816349" cy="360859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29252">
                  <a:extLst>
                    <a:ext uri="{9D8B030D-6E8A-4147-A177-3AD203B41FA5}">
                      <a16:colId xmlns:a16="http://schemas.microsoft.com/office/drawing/2014/main" val="515353133"/>
                    </a:ext>
                  </a:extLst>
                </a:gridCol>
                <a:gridCol w="3087097">
                  <a:extLst>
                    <a:ext uri="{9D8B030D-6E8A-4147-A177-3AD203B41FA5}">
                      <a16:colId xmlns:a16="http://schemas.microsoft.com/office/drawing/2014/main" val="236451077"/>
                    </a:ext>
                  </a:extLst>
                </a:gridCol>
              </a:tblGrid>
              <a:tr h="639023"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chemeClr val="tx1"/>
                          </a:solidFill>
                        </a:rPr>
                        <a:t>1956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Newell &amp; Simon : 38 </a:t>
                      </a:r>
                      <a:r>
                        <a:rPr lang="en-GB" sz="1400" b="0" dirty="0">
                          <a:solidFill>
                            <a:srgbClr val="449DC2"/>
                          </a:solidFill>
                        </a:rPr>
                        <a:t>Proofs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 from </a:t>
                      </a:r>
                      <a:r>
                        <a:rPr lang="en-GB" sz="1400" b="0" dirty="0" err="1">
                          <a:solidFill>
                            <a:schemeClr val="tx1"/>
                          </a:solidFill>
                        </a:rPr>
                        <a:t>Pinicipia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 Mathematica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4930848"/>
                  </a:ext>
                </a:extLst>
              </a:tr>
              <a:tr h="639023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63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DARPA gives MIT $2.2M for machine aided cognition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3090672"/>
                  </a:ext>
                </a:extLst>
              </a:tr>
              <a:tr h="1165276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64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IBM </a:t>
                      </a:r>
                      <a:r>
                        <a:rPr lang="en-GB" sz="1400" b="0" dirty="0">
                          <a:solidFill>
                            <a:srgbClr val="449DC2"/>
                          </a:solidFill>
                        </a:rPr>
                        <a:t>Handwriting Recognition 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Demo at NY World Fair</a:t>
                      </a:r>
                    </a:p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Write Date → Get Headlines</a:t>
                      </a:r>
                    </a:p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Translate English Russian texts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47810459"/>
                  </a:ext>
                </a:extLst>
              </a:tr>
              <a:tr h="1165276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67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chemeClr val="tx1"/>
                          </a:solidFill>
                        </a:rPr>
                        <a:t>Marvin Minsky: “Within a generation, the problem of creating AI will substantially be solved”</a:t>
                      </a:r>
                      <a:endParaRPr lang="en-GB" sz="14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9884616"/>
                  </a:ext>
                </a:extLst>
              </a:tr>
            </a:tbl>
          </a:graphicData>
        </a:graphic>
      </p:graphicFrame>
      <p:pic>
        <p:nvPicPr>
          <p:cNvPr id="4" name="Picture 2">
            <a:extLst>
              <a:ext uri="{FF2B5EF4-FFF2-40B4-BE49-F238E27FC236}">
                <a16:creationId xmlns:a16="http://schemas.microsoft.com/office/drawing/2014/main" id="{50B28682-7D6E-EF4F-A8A0-27730C72597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36096" y="1123740"/>
            <a:ext cx="2952254" cy="23699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053FE1BE-1632-AD41-AF7A-0EEF6D4EE74F}"/>
              </a:ext>
            </a:extLst>
          </p:cNvPr>
          <p:cNvSpPr/>
          <p:nvPr/>
        </p:nvSpPr>
        <p:spPr>
          <a:xfrm>
            <a:off x="611188" y="4732338"/>
            <a:ext cx="1830950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GB" sz="600" dirty="0">
                <a:hlinkClick r:id="rId3"/>
              </a:rPr>
              <a:t>http://hci.stanford.edu/~winograd/shrdlu/</a:t>
            </a:r>
            <a:endParaRPr lang="en-GB" sz="600" dirty="0">
              <a:solidFill>
                <a:srgbClr val="D1026A"/>
              </a:solidFill>
            </a:endParaRPr>
          </a:p>
          <a:p>
            <a:endParaRPr lang="en-GB" sz="600" dirty="0"/>
          </a:p>
        </p:txBody>
      </p:sp>
      <p:graphicFrame>
        <p:nvGraphicFramePr>
          <p:cNvPr id="6" name="Table 12">
            <a:extLst>
              <a:ext uri="{FF2B5EF4-FFF2-40B4-BE49-F238E27FC236}">
                <a16:creationId xmlns:a16="http://schemas.microsoft.com/office/drawing/2014/main" id="{3BD8BA1C-B4DA-5740-A5E5-71F29798900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35456025"/>
              </p:ext>
            </p:extLst>
          </p:nvPr>
        </p:nvGraphicFramePr>
        <p:xfrm>
          <a:off x="4716462" y="3651870"/>
          <a:ext cx="3816349" cy="731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29252">
                  <a:extLst>
                    <a:ext uri="{9D8B030D-6E8A-4147-A177-3AD203B41FA5}">
                      <a16:colId xmlns:a16="http://schemas.microsoft.com/office/drawing/2014/main" val="515353133"/>
                    </a:ext>
                  </a:extLst>
                </a:gridCol>
                <a:gridCol w="3087097">
                  <a:extLst>
                    <a:ext uri="{9D8B030D-6E8A-4147-A177-3AD203B41FA5}">
                      <a16:colId xmlns:a16="http://schemas.microsoft.com/office/drawing/2014/main" val="23645107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7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Terry </a:t>
                      </a:r>
                      <a:r>
                        <a:rPr lang="en-GB" sz="1400" b="0" dirty="0" err="1">
                          <a:solidFill>
                            <a:schemeClr val="tx1"/>
                          </a:solidFill>
                        </a:rPr>
                        <a:t>Winnograd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 (MIT): </a:t>
                      </a:r>
                      <a:r>
                        <a:rPr lang="en-GB" sz="1400" b="0" dirty="0">
                          <a:solidFill>
                            <a:srgbClr val="449DC2"/>
                          </a:solidFill>
                        </a:rPr>
                        <a:t>Natural language processing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 for moving blocks in a Microworld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6487707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0927433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A84A10-EEE5-7E45-9237-9DB8CE37BE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First AI Winter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450D6EB-178C-EA48-8AA7-7BE7ED77B03F}"/>
              </a:ext>
            </a:extLst>
          </p:cNvPr>
          <p:cNvSpPr/>
          <p:nvPr/>
        </p:nvSpPr>
        <p:spPr>
          <a:xfrm>
            <a:off x="611186" y="4116328"/>
            <a:ext cx="7921625" cy="400110"/>
          </a:xfrm>
          <a:prstGeom prst="rect">
            <a:avLst/>
          </a:prstGeom>
          <a:solidFill>
            <a:srgbClr val="DBEEF3"/>
          </a:solidFill>
        </p:spPr>
        <p:txBody>
          <a:bodyPr wrap="square">
            <a:spAutoFit/>
          </a:bodyPr>
          <a:lstStyle/>
          <a:p>
            <a:r>
              <a:rPr lang="en-GB" sz="1000" b="1" i="1" dirty="0">
                <a:solidFill>
                  <a:srgbClr val="1F6A8A"/>
                </a:solidFill>
              </a:rPr>
              <a:t>Moravec Paradox</a:t>
            </a:r>
            <a:r>
              <a:rPr lang="en-GB" sz="1000" i="1" dirty="0"/>
              <a:t>: ”It is easy to make computers exhibit adult level performance on intelligence tests or playing checkers, and difficult or impossible to give them the skills of a one-year-old when it comes to perception and mobility”</a:t>
            </a:r>
          </a:p>
        </p:txBody>
      </p:sp>
      <p:graphicFrame>
        <p:nvGraphicFramePr>
          <p:cNvPr id="4" name="Table 12">
            <a:extLst>
              <a:ext uri="{FF2B5EF4-FFF2-40B4-BE49-F238E27FC236}">
                <a16:creationId xmlns:a16="http://schemas.microsoft.com/office/drawing/2014/main" id="{BACDAC93-A2E3-8B43-8253-BE4C048DDFE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05922178"/>
              </p:ext>
            </p:extLst>
          </p:nvPr>
        </p:nvGraphicFramePr>
        <p:xfrm>
          <a:off x="611188" y="1123741"/>
          <a:ext cx="3816350" cy="295789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32938">
                  <a:extLst>
                    <a:ext uri="{9D8B030D-6E8A-4147-A177-3AD203B41FA5}">
                      <a16:colId xmlns:a16="http://schemas.microsoft.com/office/drawing/2014/main" val="515353133"/>
                    </a:ext>
                  </a:extLst>
                </a:gridCol>
                <a:gridCol w="2983412">
                  <a:extLst>
                    <a:ext uri="{9D8B030D-6E8A-4147-A177-3AD203B41FA5}">
                      <a16:colId xmlns:a16="http://schemas.microsoft.com/office/drawing/2014/main" val="236451077"/>
                    </a:ext>
                  </a:extLst>
                </a:gridCol>
              </a:tblGrid>
              <a:tr h="955152"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chemeClr val="tx1"/>
                          </a:solidFill>
                        </a:rPr>
                        <a:t>197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rgbClr val="449DC2"/>
                          </a:solidFill>
                        </a:rPr>
                        <a:t>Minsky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: In 3-8 years we will have a machine with the general intelligence of an average human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4930848"/>
                  </a:ext>
                </a:extLst>
              </a:tr>
              <a:tr h="739473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70-73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AI mainly based on rule-based programming, </a:t>
                      </a:r>
                      <a:r>
                        <a:rPr lang="en-GB" sz="1400" dirty="0">
                          <a:solidFill>
                            <a:srgbClr val="449DC2"/>
                          </a:solidFill>
                        </a:rPr>
                        <a:t>fails to deliver </a:t>
                      </a:r>
                      <a:r>
                        <a:rPr lang="en-GB" sz="1400" dirty="0"/>
                        <a:t>on most promises</a:t>
                      </a:r>
                      <a:endParaRPr lang="en-GB" sz="14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3090672"/>
                  </a:ext>
                </a:extLst>
              </a:tr>
              <a:tr h="739473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73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U.S. and British Governments stop funding undirected AI research</a:t>
                      </a:r>
                      <a:endParaRPr lang="en-GB" sz="14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47810459"/>
                  </a:ext>
                </a:extLst>
              </a:tr>
              <a:tr h="523793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74-80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The first </a:t>
                      </a:r>
                      <a:r>
                        <a:rPr lang="en-GB" sz="1400" b="1" dirty="0">
                          <a:solidFill>
                            <a:srgbClr val="449DC2"/>
                          </a:solidFill>
                        </a:rPr>
                        <a:t>AI Winter</a:t>
                      </a:r>
                      <a:endParaRPr lang="en-GB" sz="1400" b="0" dirty="0">
                        <a:solidFill>
                          <a:srgbClr val="449DC2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9884616"/>
                  </a:ext>
                </a:extLst>
              </a:tr>
            </a:tbl>
          </a:graphicData>
        </a:graphic>
      </p:graphicFrame>
      <p:pic>
        <p:nvPicPr>
          <p:cNvPr id="5" name="Picture 2" descr="Remembering Shakey, the First Intelligent Robot – The New Stack">
            <a:extLst>
              <a:ext uri="{FF2B5EF4-FFF2-40B4-BE49-F238E27FC236}">
                <a16:creationId xmlns:a16="http://schemas.microsoft.com/office/drawing/2014/main" id="{3E5B487C-7345-824C-93BD-7B2A1199858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81922" y="1440740"/>
            <a:ext cx="3140968" cy="23557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383D57C6-7AF6-7244-B5B5-00523443FE94}"/>
              </a:ext>
            </a:extLst>
          </p:cNvPr>
          <p:cNvSpPr/>
          <p:nvPr/>
        </p:nvSpPr>
        <p:spPr>
          <a:xfrm>
            <a:off x="611188" y="4732338"/>
            <a:ext cx="2803973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GB" sz="600" dirty="0">
                <a:hlinkClick r:id="rId4"/>
              </a:rPr>
              <a:t>https://thenewstack.io/remembering-shakey-first-intelligent-robot/</a:t>
            </a:r>
            <a:endParaRPr lang="en-GB" sz="600" dirty="0"/>
          </a:p>
          <a:p>
            <a:endParaRPr lang="en-GB" sz="6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DA0892-1E4B-C147-905F-1F9E0E7857C1}"/>
              </a:ext>
            </a:extLst>
          </p:cNvPr>
          <p:cNvSpPr/>
          <p:nvPr/>
        </p:nvSpPr>
        <p:spPr>
          <a:xfrm>
            <a:off x="4572000" y="1075578"/>
            <a:ext cx="396081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400" b="1" dirty="0"/>
              <a:t>Shakey, the First “Intelligent” Robo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9155664-3C6B-314C-B221-9F09B160D010}"/>
              </a:ext>
            </a:extLst>
          </p:cNvPr>
          <p:cNvSpPr/>
          <p:nvPr/>
        </p:nvSpPr>
        <p:spPr>
          <a:xfrm>
            <a:off x="5003353" y="3796466"/>
            <a:ext cx="3282489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800" i="1" dirty="0"/>
              <a:t>The Stanford Research Institute 1966-1972</a:t>
            </a:r>
          </a:p>
        </p:txBody>
      </p:sp>
    </p:spTree>
    <p:extLst>
      <p:ext uri="{BB962C8B-B14F-4D97-AF65-F5344CB8AC3E}">
        <p14:creationId xmlns:p14="http://schemas.microsoft.com/office/powerpoint/2010/main" val="22584196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B8D90F37-09B0-E843-9F52-9A4588A797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16463" y="1561623"/>
            <a:ext cx="3816349" cy="267615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29D9E85-6D5C-BC4E-829C-24B60AEF3B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econd Wave: Expert Systems</a:t>
            </a:r>
          </a:p>
        </p:txBody>
      </p:sp>
      <p:graphicFrame>
        <p:nvGraphicFramePr>
          <p:cNvPr id="3" name="Table 12">
            <a:extLst>
              <a:ext uri="{FF2B5EF4-FFF2-40B4-BE49-F238E27FC236}">
                <a16:creationId xmlns:a16="http://schemas.microsoft.com/office/drawing/2014/main" id="{2BBFBB7F-E092-164D-9E5B-0BE60F5E392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03987875"/>
              </p:ext>
            </p:extLst>
          </p:nvPr>
        </p:nvGraphicFramePr>
        <p:xfrm>
          <a:off x="611188" y="1131888"/>
          <a:ext cx="3816350" cy="33840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5032">
                  <a:extLst>
                    <a:ext uri="{9D8B030D-6E8A-4147-A177-3AD203B41FA5}">
                      <a16:colId xmlns:a16="http://schemas.microsoft.com/office/drawing/2014/main" val="515353133"/>
                    </a:ext>
                  </a:extLst>
                </a:gridCol>
                <a:gridCol w="2951318">
                  <a:extLst>
                    <a:ext uri="{9D8B030D-6E8A-4147-A177-3AD203B41FA5}">
                      <a16:colId xmlns:a16="http://schemas.microsoft.com/office/drawing/2014/main" val="236451077"/>
                    </a:ext>
                  </a:extLst>
                </a:gridCol>
              </a:tblGrid>
              <a:tr h="1028075"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chemeClr val="tx1"/>
                          </a:solidFill>
                        </a:rPr>
                        <a:t>1970’s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Research on </a:t>
                      </a:r>
                      <a:r>
                        <a:rPr lang="en-GB" sz="1400" b="1" dirty="0">
                          <a:solidFill>
                            <a:srgbClr val="449DC2"/>
                          </a:solidFill>
                        </a:rPr>
                        <a:t>Expert Systems</a:t>
                      </a:r>
                      <a:r>
                        <a:rPr lang="en-GB" sz="1400" b="0" dirty="0">
                          <a:solidFill>
                            <a:srgbClr val="449DC2"/>
                          </a:solidFill>
                        </a:rPr>
                        <a:t> </a:t>
                      </a:r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which augments reasoning with </a:t>
                      </a:r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Knowledge</a:t>
                      </a:r>
                      <a:endParaRPr lang="en-GB" sz="14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4930848"/>
                  </a:ext>
                </a:extLst>
              </a:tr>
              <a:tr h="1327929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80’s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Large-scale deployment: Two thirds of Fortune 500 companies used the technology in daily business.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3090672"/>
                  </a:ext>
                </a:extLst>
              </a:tr>
              <a:tr h="1028075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1985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Over $1B Spent on AI research &amp; development by more than 150 companies</a:t>
                      </a:r>
                      <a:endParaRPr lang="en-GB" sz="14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9884616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30FBA450-66FF-8448-A5E2-DA9A8B5C9AD7}"/>
              </a:ext>
            </a:extLst>
          </p:cNvPr>
          <p:cNvSpPr/>
          <p:nvPr/>
        </p:nvSpPr>
        <p:spPr>
          <a:xfrm>
            <a:off x="4716463" y="1131888"/>
            <a:ext cx="365436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400" b="1" dirty="0"/>
              <a:t>Expert Systems: Success Criteria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26E674C6-3562-7D4B-9D1E-42CFA984B2AF}"/>
              </a:ext>
            </a:extLst>
          </p:cNvPr>
          <p:cNvSpPr/>
          <p:nvPr/>
        </p:nvSpPr>
        <p:spPr>
          <a:xfrm>
            <a:off x="611188" y="4732338"/>
            <a:ext cx="3813865" cy="184666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GB" sz="600" dirty="0">
                <a:hlinkClick r:id="rId3"/>
              </a:rPr>
              <a:t>“Expert Systems: A Short Introduction”, Jay Liebowitz, 1995, Engineering Fracture Mechanics</a:t>
            </a:r>
            <a:endParaRPr lang="en-GB" sz="600" dirty="0"/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DF5DFA84-0634-3A44-8A90-935A17C6170E}"/>
              </a:ext>
            </a:extLst>
          </p:cNvPr>
          <p:cNvCxnSpPr>
            <a:cxnSpLocks/>
          </p:cNvCxnSpPr>
          <p:nvPr/>
        </p:nvCxnSpPr>
        <p:spPr>
          <a:xfrm>
            <a:off x="4788024" y="1707654"/>
            <a:ext cx="1440160" cy="0"/>
          </a:xfrm>
          <a:prstGeom prst="line">
            <a:avLst/>
          </a:prstGeom>
          <a:ln w="12700">
            <a:solidFill>
              <a:srgbClr val="449DC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4D29DEE8-33E3-CF49-AF13-C9759762DE69}"/>
              </a:ext>
            </a:extLst>
          </p:cNvPr>
          <p:cNvCxnSpPr>
            <a:cxnSpLocks/>
          </p:cNvCxnSpPr>
          <p:nvPr/>
        </p:nvCxnSpPr>
        <p:spPr>
          <a:xfrm>
            <a:off x="4788024" y="2715766"/>
            <a:ext cx="1440160" cy="0"/>
          </a:xfrm>
          <a:prstGeom prst="line">
            <a:avLst/>
          </a:prstGeom>
          <a:ln w="12700">
            <a:solidFill>
              <a:srgbClr val="449DC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0BF109D-1E95-8046-A5D2-8E26C9FA2497}"/>
              </a:ext>
            </a:extLst>
          </p:cNvPr>
          <p:cNvCxnSpPr>
            <a:cxnSpLocks/>
          </p:cNvCxnSpPr>
          <p:nvPr/>
        </p:nvCxnSpPr>
        <p:spPr>
          <a:xfrm>
            <a:off x="4788024" y="3507854"/>
            <a:ext cx="1440160" cy="0"/>
          </a:xfrm>
          <a:prstGeom prst="line">
            <a:avLst/>
          </a:prstGeom>
          <a:ln w="12700">
            <a:solidFill>
              <a:srgbClr val="449DC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1306177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357C8A-6DB7-3B4D-8B0F-C11AF88D53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Second AI Winter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8CDE52AD-BF5B-A64D-AE73-ACBE182ABBC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12" t="17057" r="37441"/>
          <a:stretch/>
        </p:blipFill>
        <p:spPr bwMode="auto">
          <a:xfrm>
            <a:off x="4860031" y="1435376"/>
            <a:ext cx="3680443" cy="29365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6B122594-3333-5048-8C2C-B50C2428D7D5}"/>
              </a:ext>
            </a:extLst>
          </p:cNvPr>
          <p:cNvSpPr/>
          <p:nvPr/>
        </p:nvSpPr>
        <p:spPr>
          <a:xfrm>
            <a:off x="611188" y="4732338"/>
            <a:ext cx="3114955" cy="369332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GB" sz="600" dirty="0">
                <a:hlinkClick r:id="rId3"/>
              </a:rPr>
              <a:t>https://www.actuaries.digital/2018/09/05/history-of-ai-winters/</a:t>
            </a:r>
            <a:endParaRPr lang="en-GB" sz="600" dirty="0"/>
          </a:p>
          <a:p>
            <a:r>
              <a:rPr lang="en-GB" sz="600" dirty="0">
                <a:hlinkClick r:id="rId4"/>
              </a:rPr>
              <a:t>“Early Expert </a:t>
            </a:r>
            <a:r>
              <a:rPr lang="en-GB" sz="600" dirty="0" err="1">
                <a:hlinkClick r:id="rId4"/>
              </a:rPr>
              <a:t>Sytems</a:t>
            </a:r>
            <a:r>
              <a:rPr lang="en-GB" sz="600" dirty="0">
                <a:hlinkClick r:id="rId4"/>
              </a:rPr>
              <a:t>, Where are they Now?” T.G. Gill, MIS Quarterly, 1995</a:t>
            </a:r>
            <a:endParaRPr lang="en-GB" sz="600" dirty="0"/>
          </a:p>
          <a:p>
            <a:endParaRPr lang="en-GB" sz="600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B6D7AB2-341D-E14C-8498-0081EB412571}"/>
              </a:ext>
            </a:extLst>
          </p:cNvPr>
          <p:cNvSpPr/>
          <p:nvPr/>
        </p:nvSpPr>
        <p:spPr>
          <a:xfrm>
            <a:off x="755650" y="3651870"/>
            <a:ext cx="3671888" cy="648072"/>
          </a:xfrm>
          <a:prstGeom prst="rect">
            <a:avLst/>
          </a:prstGeom>
          <a:solidFill>
            <a:srgbClr val="DBEEF3"/>
          </a:solidFill>
        </p:spPr>
        <p:txBody>
          <a:bodyPr wrap="square" lIns="180000" tIns="46800" rIns="180000" rtlCol="0" anchor="ctr" anchorCtr="0">
            <a:noAutofit/>
          </a:bodyPr>
          <a:lstStyle/>
          <a:p>
            <a:pPr algn="ctr"/>
            <a:r>
              <a:rPr lang="en-GB" sz="1000" b="1" i="1" dirty="0">
                <a:solidFill>
                  <a:srgbClr val="449DC2"/>
                </a:solidFill>
              </a:rPr>
              <a:t>Steven Pinker </a:t>
            </a:r>
            <a:r>
              <a:rPr lang="en-GB" sz="1000" i="1" dirty="0"/>
              <a:t>“The main lesson of the first 35 years of AI research is that the hard problems are easy and the easy problems are hard”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062DC38-1896-5149-BF2D-0AFADD56EC64}"/>
              </a:ext>
            </a:extLst>
          </p:cNvPr>
          <p:cNvSpPr/>
          <p:nvPr/>
        </p:nvSpPr>
        <p:spPr>
          <a:xfrm>
            <a:off x="6084168" y="1127599"/>
            <a:ext cx="1481496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1400" b="1" dirty="0"/>
              <a:t>“AI Winters”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F4220F33-CAC6-C344-9304-93A142D4C95A}"/>
              </a:ext>
            </a:extLst>
          </p:cNvPr>
          <p:cNvCxnSpPr>
            <a:cxnSpLocks/>
          </p:cNvCxnSpPr>
          <p:nvPr/>
        </p:nvCxnSpPr>
        <p:spPr>
          <a:xfrm>
            <a:off x="7164288" y="1499718"/>
            <a:ext cx="0" cy="984692"/>
          </a:xfrm>
          <a:prstGeom prst="straightConnector1">
            <a:avLst/>
          </a:prstGeom>
          <a:ln>
            <a:solidFill>
              <a:srgbClr val="449DC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5A73E006-702E-AD47-9E96-9BD0E0B17FA2}"/>
              </a:ext>
            </a:extLst>
          </p:cNvPr>
          <p:cNvCxnSpPr>
            <a:cxnSpLocks/>
          </p:cNvCxnSpPr>
          <p:nvPr/>
        </p:nvCxnSpPr>
        <p:spPr>
          <a:xfrm>
            <a:off x="6444208" y="1499718"/>
            <a:ext cx="0" cy="1144040"/>
          </a:xfrm>
          <a:prstGeom prst="straightConnector1">
            <a:avLst/>
          </a:prstGeom>
          <a:ln>
            <a:solidFill>
              <a:srgbClr val="449DC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5" name="Table 12">
            <a:extLst>
              <a:ext uri="{FF2B5EF4-FFF2-40B4-BE49-F238E27FC236}">
                <a16:creationId xmlns:a16="http://schemas.microsoft.com/office/drawing/2014/main" id="{B97748FE-7D74-8944-887D-3EB9B21E9F8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66879302"/>
              </p:ext>
            </p:extLst>
          </p:nvPr>
        </p:nvGraphicFramePr>
        <p:xfrm>
          <a:off x="631837" y="1513999"/>
          <a:ext cx="3816350" cy="192184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15827">
                  <a:extLst>
                    <a:ext uri="{9D8B030D-6E8A-4147-A177-3AD203B41FA5}">
                      <a16:colId xmlns:a16="http://schemas.microsoft.com/office/drawing/2014/main" val="515353133"/>
                    </a:ext>
                  </a:extLst>
                </a:gridCol>
                <a:gridCol w="2900523">
                  <a:extLst>
                    <a:ext uri="{9D8B030D-6E8A-4147-A177-3AD203B41FA5}">
                      <a16:colId xmlns:a16="http://schemas.microsoft.com/office/drawing/2014/main" val="236451077"/>
                    </a:ext>
                  </a:extLst>
                </a:gridCol>
              </a:tblGrid>
              <a:tr h="795247"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chemeClr val="tx1"/>
                          </a:solidFill>
                        </a:rPr>
                        <a:t>1987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Collapse of market for specialized AI hardware (LISP Machines)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78883624"/>
                  </a:ext>
                </a:extLst>
              </a:tr>
              <a:tr h="56330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87-89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DARPA Funding Slashed by one third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4930848"/>
                  </a:ext>
                </a:extLst>
              </a:tr>
              <a:tr h="563300">
                <a:tc>
                  <a:txBody>
                    <a:bodyPr/>
                    <a:lstStyle/>
                    <a:p>
                      <a:r>
                        <a:rPr lang="en-GB" sz="1400" b="1" dirty="0">
                          <a:solidFill>
                            <a:schemeClr val="tx1"/>
                          </a:solidFill>
                        </a:rPr>
                        <a:t>89-92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b="0" dirty="0">
                          <a:solidFill>
                            <a:schemeClr val="tx1"/>
                          </a:solidFill>
                        </a:rPr>
                        <a:t>Most deployed systems fall into disuse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309067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446626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05042611175985034679&quot; ShowField=&quot;false&quot; /&gt;&#10;        &lt;Field Id=&quot;2010011411175985034680&quot; ShowField=&quot;false&quot; /&gt;&#10;        &lt;Field Id=&quot;2010011411175985034681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OWERPOINT PRÄSENTATION"/>
  <p:tag name="OAWWIZARDSTEPS" val="0|1"/>
  <p:tag name="ZOAWLANGID" val="2055"/>
  <p:tag name="OAWDOCPROPSOURCE" val="&lt;Profile SelectedUID=&quot;&quot;&gt;&lt;DocProp UID=&quot;2002122011014149059130932&quot; EntryUID=&quot;2007081614090713859305&quot;&gt;&lt;Field Name=&quot;IDName&quot; Value=&quot;1.1. Hochschule Luzern -  F&amp;amp;S, IT-Services, Werftestrasse 4, Luzern&quot;/&gt;&lt;Field Name=&quot;Address1&quot; Value=&quot;&quot;/&gt;&lt;Field Name=&quot;Address2&quot; Value=&quot;Werftestrasse 4, Postfach 2969, CH-6002 Luzern&quot;/&gt;&lt;Field Name=&quot;Address3&quot; Value=&quot;T +41 41 228 21 11&quot;/&gt;&lt;Field Name=&quot;Address4&quot; Value=&quot;www.hslu.ch&quot;/&gt;&lt;Field Name=&quot;LogoLarge&quot; Value=&quot;%Logos%\hslu_d.hslu.g.2100.500.wmf&quot;/&gt;&lt;Field Name=&quot;LogoSmall&quot; Value=&quot;%Logos%\hslu_d.hslu.k.2100.250.wmf&quot;/&gt;&lt;Field Name=&quot;City&quot; Value=&quot;Luzern&quot;/&gt;&lt;Field Name=&quot;LogoFooter&quot; Value=&quot;%Logos%\hslu_allgemeinefqm.f.2100.200.wmf&quot;/&gt;&lt;Field Name=&quot;LogoPpt1&quot; Value=&quot;%Logos%\Powerpoint\titelmaster\hslu_d.hslu.tm.2540.1905.wmf&quot;/&gt;&lt;Field Name=&quot;LogoPpt2&quot; Value=&quot;%Logos%\Powerpoint\folienmaster\hslu_d.hslu.fm.2540.1905.wmf&quot;/&gt;&lt;Field Name=&quot;LogoOhneEFQM&quot; Value=&quot;%Logos%\hslu_allgemeinefqm.f.2100.200.wmf&quot;/&gt;&lt;Field Name=&quot;LogoPpt3&quot; Value=&quot;%Logos%\Powerpoint\folienmaster\hslu_d.hslu.f.fm.2540.1905.wmf&quot;/&gt;&lt;Field Name=&quot;Data_UID&quot; Value=&quot;2007081614090713859305&quot;/&gt;&lt;Field Name=&quot;Field_Name&quot; Value=&quot;LogoPpt2&quot;/&gt;&lt;Field Name=&quot;Field_UID&quot; Value=&quot;2007091416324246583564&quot;/&gt;&lt;Field Name=&quot;ML_LCID&quot; Value=&quot;2055&quot;/&gt;&lt;Field Name=&quot;ML_Value&quot; Value=&quot;%Logos%\Powerpoint\folienmaster\hslu_d.hslu.fm.2540.1905.wmf&quot;/&gt;&lt;/DocProp&gt;&lt;DocProp UID=&quot;200604050949528466286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212191811121321310321301031x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80714212273705547&quot; EntryUID=&quot;&quot; UserInformation=&quot;Data from SAP&quot; Interface=&quot;-1&quot;&gt;&lt;/DocProp&gt;&lt;DocProp UID=&quot;200212201058384723401057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61115381095709037&quot; EntryUID=&quot;2003121817293296325874&quot;&gt;&lt;Field Name=&quot;IDName&quot; Value=&quot;(Leer)&quot;/&gt;&lt;/DocProp&gt;&lt;DocProp UID=&quot;2004112217333376588294&quot; EntryUID=&quot;&quot; UserInformation=&quot;Data from SAP&quot; Interface=&quot;-1&quot;&gt;&lt;/DocProp&gt;&lt;DocProp UID=&quot;2007042109161414432689&quot; EntryUID=&quot;&quot; UserInformation=&quot;Data from SAP&quot; Interface=&quot;-1&quot;&gt;&lt;/DocProp&gt;&lt;DocProp UID=&quot;2004112217290390304928&quot; EntryUID=&quot;&quot; UserInformation=&quot;Data from SAP&quot; Interface=&quot;-1&quot;&gt;&lt;/DocProp&gt;&lt;/Profile&gt;&#10;"/>
  <p:tag name="OFFICEATWORKPRESENTATIONPROJECTID" val="HSLUCH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heme/theme1.xml><?xml version="1.0" encoding="utf-8"?>
<a:theme xmlns:a="http://schemas.openxmlformats.org/drawingml/2006/main" name="Default Design">
  <a:themeElements>
    <a:clrScheme name="HSLU">
      <a:dk1>
        <a:srgbClr val="000000"/>
      </a:dk1>
      <a:lt1>
        <a:srgbClr val="FFFFFF"/>
      </a:lt1>
      <a:dk2>
        <a:srgbClr val="415E6C"/>
      </a:dk2>
      <a:lt2>
        <a:srgbClr val="F2F2F2"/>
      </a:lt2>
      <a:accent1>
        <a:srgbClr val="9AD4F1"/>
      </a:accent1>
      <a:accent2>
        <a:srgbClr val="6A95A9"/>
      </a:accent2>
      <a:accent3>
        <a:srgbClr val="415E6C"/>
      </a:accent3>
      <a:accent4>
        <a:srgbClr val="CFD500"/>
      </a:accent4>
      <a:accent5>
        <a:srgbClr val="949A00"/>
      </a:accent5>
      <a:accent6>
        <a:srgbClr val="636904"/>
      </a:accent6>
      <a:hlink>
        <a:srgbClr val="E2007A"/>
      </a:hlink>
      <a:folHlink>
        <a:srgbClr val="690036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TEMPLATE EDIT - 00 Presentation 16_9 1.potm" id="{923022B7-1D60-4BAA-B142-9B45A13195C5}" vid="{710FE0C7-D003-4B67-9723-4E2F2B7B1C1A}"/>
    </a:ext>
  </a:extLst>
</a:theme>
</file>

<file path=ppt/theme/theme2.xml><?xml version="1.0" encoding="utf-8"?>
<a:theme xmlns:a="http://schemas.openxmlformats.org/drawingml/2006/main" name="1_Default Design">
  <a:themeElements>
    <a:clrScheme name="Custom 3">
      <a:dk1>
        <a:srgbClr val="000000"/>
      </a:dk1>
      <a:lt1>
        <a:srgbClr val="FFFFFF"/>
      </a:lt1>
      <a:dk2>
        <a:srgbClr val="415E6C"/>
      </a:dk2>
      <a:lt2>
        <a:srgbClr val="F2F2F2"/>
      </a:lt2>
      <a:accent1>
        <a:srgbClr val="9AD4F1"/>
      </a:accent1>
      <a:accent2>
        <a:srgbClr val="6A95A9"/>
      </a:accent2>
      <a:accent3>
        <a:srgbClr val="415E6C"/>
      </a:accent3>
      <a:accent4>
        <a:srgbClr val="CFD500"/>
      </a:accent4>
      <a:accent5>
        <a:srgbClr val="949A00"/>
      </a:accent5>
      <a:accent6>
        <a:srgbClr val="636904"/>
      </a:accent6>
      <a:hlink>
        <a:srgbClr val="449CC1"/>
      </a:hlink>
      <a:folHlink>
        <a:srgbClr val="449CC1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TEMPLATE EDIT - 00 Presentation 16_9 1.potm" id="{923022B7-1D60-4BAA-B142-9B45A13195C5}" vid="{710FE0C7-D003-4B67-9723-4E2F2B7B1C1A}"/>
    </a:ext>
  </a:extLst>
</a:theme>
</file>

<file path=ppt/theme/theme3.xml><?xml version="1.0" encoding="utf-8"?>
<a:theme xmlns:a="http://schemas.openxmlformats.org/drawingml/2006/main" name="HSLU Master">
  <a:themeElements>
    <a:clrScheme name="Custom 7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7C5D8"/>
      </a:accent1>
      <a:accent2>
        <a:srgbClr val="ADCA2A"/>
      </a:accent2>
      <a:accent3>
        <a:srgbClr val="EC5A7A"/>
      </a:accent3>
      <a:accent4>
        <a:srgbClr val="FCC300"/>
      </a:accent4>
      <a:accent5>
        <a:srgbClr val="F0F0F0"/>
      </a:accent5>
      <a:accent6>
        <a:srgbClr val="808080"/>
      </a:accent6>
      <a:hlink>
        <a:srgbClr val="BB355D"/>
      </a:hlink>
      <a:folHlink>
        <a:srgbClr val="BB355D"/>
      </a:folHlink>
    </a:clrScheme>
    <a:fontScheme name="HSLU">
      <a:majorFont>
        <a:latin typeface="Verdana"/>
        <a:ea typeface="Segoe UI Semibold"/>
        <a:cs typeface="Segoe UI Semibold"/>
      </a:majorFont>
      <a:minorFont>
        <a:latin typeface="Verdana"/>
        <a:ea typeface="Segoe UI Light"/>
        <a:cs typeface="Segoe UI Light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EMPLATE EDIT - Presentation general 16_9.potm" id="{BD83FFD9-D2C6-4336-8FBB-D09EEFB0EBF8}" vid="{1113C438-35B2-45EC-9BE7-EF0F3F3F608F}"/>
    </a:ext>
  </a:extLst>
</a:theme>
</file>

<file path=ppt/theme/theme4.xml><?xml version="1.0" encoding="utf-8"?>
<a:theme xmlns:a="http://schemas.openxmlformats.org/drawingml/2006/main" name="1_HSLU Master">
  <a:themeElements>
    <a:clrScheme name="Custom 7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7C5D8"/>
      </a:accent1>
      <a:accent2>
        <a:srgbClr val="ADCA2A"/>
      </a:accent2>
      <a:accent3>
        <a:srgbClr val="EC5A7A"/>
      </a:accent3>
      <a:accent4>
        <a:srgbClr val="FCC300"/>
      </a:accent4>
      <a:accent5>
        <a:srgbClr val="F0F0F0"/>
      </a:accent5>
      <a:accent6>
        <a:srgbClr val="808080"/>
      </a:accent6>
      <a:hlink>
        <a:srgbClr val="BB355D"/>
      </a:hlink>
      <a:folHlink>
        <a:srgbClr val="BB355D"/>
      </a:folHlink>
    </a:clrScheme>
    <a:fontScheme name="HSLU">
      <a:majorFont>
        <a:latin typeface="Verdana"/>
        <a:ea typeface="Segoe UI Semibold"/>
        <a:cs typeface="Segoe UI Semibold"/>
      </a:majorFont>
      <a:minorFont>
        <a:latin typeface="Verdana"/>
        <a:ea typeface="Segoe UI Light"/>
        <a:cs typeface="Segoe UI Light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EMPLATE EDIT - Presentation general 16_9.potm" id="{BD83FFD9-D2C6-4336-8FBB-D09EEFB0EBF8}" vid="{1113C438-35B2-45EC-9BE7-EF0F3F3F608F}"/>
    </a:ext>
  </a:extLst>
</a:theme>
</file>

<file path=ppt/theme/theme5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Design</Template>
  <TotalTime>4</TotalTime>
  <Words>2813</Words>
  <Application>Microsoft Macintosh PowerPoint</Application>
  <PresentationFormat>On-screen Show (16:9)</PresentationFormat>
  <Paragraphs>386</Paragraphs>
  <Slides>44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44</vt:i4>
      </vt:variant>
    </vt:vector>
  </HeadingPairs>
  <TitlesOfParts>
    <vt:vector size="53" baseType="lpstr">
      <vt:lpstr>Arial</vt:lpstr>
      <vt:lpstr>Symbol</vt:lpstr>
      <vt:lpstr>Verdana</vt:lpstr>
      <vt:lpstr>Wingdings</vt:lpstr>
      <vt:lpstr>Wingdings 3</vt:lpstr>
      <vt:lpstr>Default Design</vt:lpstr>
      <vt:lpstr>1_Default Design</vt:lpstr>
      <vt:lpstr>HSLU Master</vt:lpstr>
      <vt:lpstr>1_HSLU Master</vt:lpstr>
      <vt:lpstr>Topics Covered in Today’s Lecture</vt:lpstr>
      <vt:lpstr>Part A</vt:lpstr>
      <vt:lpstr>What is Machine Learning?</vt:lpstr>
      <vt:lpstr>A Brief History of AI / ML</vt:lpstr>
      <vt:lpstr>The Origins of AI</vt:lpstr>
      <vt:lpstr>The Golden Years: Logic &amp; Reasoning</vt:lpstr>
      <vt:lpstr>The First AI Winter</vt:lpstr>
      <vt:lpstr>The Second Wave: Expert Systems</vt:lpstr>
      <vt:lpstr>The Second AI Winter</vt:lpstr>
      <vt:lpstr>Part B</vt:lpstr>
      <vt:lpstr>How do Humans and Animals Learn?</vt:lpstr>
      <vt:lpstr>The Human Brain</vt:lpstr>
      <vt:lpstr>Networks that Learn</vt:lpstr>
      <vt:lpstr>The Difficult Birth of Neural Networks</vt:lpstr>
      <vt:lpstr>Deep Learning and the AI Boom</vt:lpstr>
      <vt:lpstr>Deep Learning Using Many Layers</vt:lpstr>
      <vt:lpstr>PART C</vt:lpstr>
      <vt:lpstr>How Much Data is Generated Every Day?</vt:lpstr>
      <vt:lpstr>Example: Open Source Image Data</vt:lpstr>
      <vt:lpstr>Open Source Algorithms Are Also Available</vt:lpstr>
      <vt:lpstr>Deep Learning is Hungry for Computation</vt:lpstr>
      <vt:lpstr>Luckily we have Moore’s Law</vt:lpstr>
      <vt:lpstr>Various Options for Hardware Acceleration</vt:lpstr>
      <vt:lpstr>Graphics Processing Units (GPU’s)</vt:lpstr>
      <vt:lpstr>Processing Power Available in the Cloud</vt:lpstr>
      <vt:lpstr>Part D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ML Projects remain Challenging</vt:lpstr>
      <vt:lpstr>Datasets Often Contain Inherent Bias</vt:lpstr>
      <vt:lpstr>Training of Large ML Models is Energy Intensive</vt:lpstr>
      <vt:lpstr>We are at a Turning Point in the History of AI/ML</vt:lpstr>
      <vt:lpstr>Brings risks as well as opportunities</vt:lpstr>
      <vt:lpstr>Recap of Today’s Lecture</vt:lpstr>
      <vt:lpstr>Questions to Think About</vt:lpstr>
      <vt:lpstr>Thank you! Any Questions?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rosoft Office User</dc:creator>
  <cp:lastModifiedBy>Michelucci Umberto HSLU I</cp:lastModifiedBy>
  <cp:revision>3366</cp:revision>
  <dcterms:created xsi:type="dcterms:W3CDTF">2020-02-13T12:23:11Z</dcterms:created>
  <dcterms:modified xsi:type="dcterms:W3CDTF">2024-01-14T17:01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e8b0afbd-3cf7-4707-aee4-8dc9d855de29_Enabled">
    <vt:lpwstr>true</vt:lpwstr>
  </property>
  <property fmtid="{D5CDD505-2E9C-101B-9397-08002B2CF9AE}" pid="3" name="MSIP_Label_e8b0afbd-3cf7-4707-aee4-8dc9d855de29_SetDate">
    <vt:lpwstr>2023-03-21T13:33:13Z</vt:lpwstr>
  </property>
  <property fmtid="{D5CDD505-2E9C-101B-9397-08002B2CF9AE}" pid="4" name="MSIP_Label_e8b0afbd-3cf7-4707-aee4-8dc9d855de29_Method">
    <vt:lpwstr>Standard</vt:lpwstr>
  </property>
  <property fmtid="{D5CDD505-2E9C-101B-9397-08002B2CF9AE}" pid="5" name="MSIP_Label_e8b0afbd-3cf7-4707-aee4-8dc9d855de29_Name">
    <vt:lpwstr>intern</vt:lpwstr>
  </property>
  <property fmtid="{D5CDD505-2E9C-101B-9397-08002B2CF9AE}" pid="6" name="MSIP_Label_e8b0afbd-3cf7-4707-aee4-8dc9d855de29_SiteId">
    <vt:lpwstr>75a34008-d7d1-4924-8e78-31fea86f6e68</vt:lpwstr>
  </property>
  <property fmtid="{D5CDD505-2E9C-101B-9397-08002B2CF9AE}" pid="7" name="MSIP_Label_e8b0afbd-3cf7-4707-aee4-8dc9d855de29_ActionId">
    <vt:lpwstr>6aaa4cc2-036b-41f9-a0f5-2737b3f84b4d</vt:lpwstr>
  </property>
  <property fmtid="{D5CDD505-2E9C-101B-9397-08002B2CF9AE}" pid="8" name="MSIP_Label_e8b0afbd-3cf7-4707-aee4-8dc9d855de29_ContentBits">
    <vt:lpwstr>0</vt:lpwstr>
  </property>
</Properties>
</file>